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010\Downloads\"/>
    </mc:Choice>
  </mc:AlternateContent>
  <xr:revisionPtr revIDLastSave="0" documentId="13_ncr:1_{62A70DA8-263D-4D4D-9C99-BACC2B42D067}" xr6:coauthVersionLast="47" xr6:coauthVersionMax="47" xr10:uidLastSave="{00000000-0000-0000-0000-000000000000}"/>
  <workbookProtection workbookAlgorithmName="SHA-512" workbookHashValue="mU/NeZTUc+8rh7+ZyKKJ2fMnRsylbYtlLVNhF2KP/22JqAi/oyoqgUdCf5p90PZEtnKcI6FXRl9Et4dUtySTlg==" workbookSaltValue="/ItDkszaACWFTHHKFZ0/9g==" workbookSpinCount="100000" lockStructure="1"/>
  <bookViews>
    <workbookView xWindow="-120" yWindow="-120" windowWidth="29040" windowHeight="15720" firstSheet="2" activeTab="2" xr2:uid="{00000000-000D-0000-FFFF-FFFF00000000}"/>
  </bookViews>
  <sheets>
    <sheet name="Sheet1" sheetId="3" state="hidden" r:id="rId1"/>
    <sheet name="Sheet2" sheetId="4" state="hidden" r:id="rId2"/>
    <sheet name="注意事項" sheetId="7" r:id="rId3"/>
    <sheet name="放送部登録票" sheetId="1" r:id="rId4"/>
    <sheet name="R7視聴覚名簿" sheetId="5" r:id="rId5"/>
    <sheet name="学校番号" sheetId="2" r:id="rId6"/>
    <sheet name="視聴覚部会登録（リンク書き込み禁止）" sheetId="6" state="hidden" r:id="rId7"/>
  </sheets>
  <definedNames>
    <definedName name="_xlnm.Print_Area" localSheetId="4">'R7視聴覚名簿'!$A$4:$F$27</definedName>
    <definedName name="_xlnm.Print_Area" localSheetId="3">放送部登録票!$A$7:$S$38</definedName>
  </definedName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12" i="1" l="1"/>
  <c r="D2" i="3" l="1"/>
  <c r="L2" i="6"/>
  <c r="AP2" i="3"/>
  <c r="AO2" i="3"/>
  <c r="AN2" i="3"/>
  <c r="AM2" i="3"/>
  <c r="AL2" i="3"/>
  <c r="AK2" i="3"/>
  <c r="AJ2" i="3"/>
  <c r="AI2" i="3"/>
  <c r="AH2" i="3"/>
  <c r="AG2" i="3"/>
  <c r="AF2" i="3"/>
  <c r="AE2" i="3"/>
  <c r="AD2" i="3"/>
  <c r="AC2" i="3"/>
  <c r="AB2" i="3"/>
  <c r="AA2" i="3"/>
  <c r="Z2" i="3"/>
  <c r="Y2" i="3"/>
  <c r="X2" i="3"/>
  <c r="W2" i="3"/>
  <c r="B20" i="1"/>
  <c r="M2" i="3" s="1"/>
  <c r="C14" i="5"/>
  <c r="M13" i="6"/>
  <c r="D13" i="6" s="1"/>
  <c r="N13" i="6"/>
  <c r="O13" i="6"/>
  <c r="M3" i="6"/>
  <c r="I3" i="6" s="1"/>
  <c r="N3" i="6"/>
  <c r="O3" i="6"/>
  <c r="M4" i="6"/>
  <c r="D4" i="6" s="1"/>
  <c r="N4" i="6"/>
  <c r="O4" i="6"/>
  <c r="M5" i="6"/>
  <c r="C5" i="6" s="1"/>
  <c r="N5" i="6"/>
  <c r="O5" i="6"/>
  <c r="M6" i="6"/>
  <c r="B6" i="6" s="1"/>
  <c r="N6" i="6"/>
  <c r="O6" i="6"/>
  <c r="M7" i="6"/>
  <c r="E7" i="6" s="1"/>
  <c r="N7" i="6"/>
  <c r="O7" i="6"/>
  <c r="M8" i="6"/>
  <c r="D8" i="6" s="1"/>
  <c r="N8" i="6"/>
  <c r="O8" i="6"/>
  <c r="M9" i="6"/>
  <c r="C9" i="6" s="1"/>
  <c r="N9" i="6"/>
  <c r="O9" i="6"/>
  <c r="M10" i="6"/>
  <c r="B10" i="6" s="1"/>
  <c r="N10" i="6"/>
  <c r="O10" i="6"/>
  <c r="M11" i="6"/>
  <c r="B11" i="6" s="1"/>
  <c r="N11" i="6"/>
  <c r="O11" i="6"/>
  <c r="M12" i="6"/>
  <c r="E12" i="6" s="1"/>
  <c r="N12" i="6"/>
  <c r="O12" i="6"/>
  <c r="O2" i="6"/>
  <c r="N2" i="6"/>
  <c r="M2" i="6"/>
  <c r="C12" i="5"/>
  <c r="E2" i="6" s="1"/>
  <c r="C11" i="5"/>
  <c r="J2" i="6" s="1"/>
  <c r="F10" i="5"/>
  <c r="G2" i="6" s="1"/>
  <c r="B10" i="5"/>
  <c r="F2" i="6" s="1"/>
  <c r="C9" i="5"/>
  <c r="I2" i="6" s="1"/>
  <c r="D8" i="5"/>
  <c r="H2" i="6" s="1"/>
  <c r="B6" i="5"/>
  <c r="C2" i="6" s="1"/>
  <c r="B5" i="5"/>
  <c r="B2" i="6" s="1"/>
  <c r="F9" i="6"/>
  <c r="J9" i="6"/>
  <c r="F13" i="6"/>
  <c r="H10" i="6"/>
  <c r="E5" i="6"/>
  <c r="I13" i="6"/>
  <c r="H9" i="6"/>
  <c r="C6" i="6"/>
  <c r="E4" i="6"/>
  <c r="E6" i="6"/>
  <c r="B3" i="6"/>
  <c r="V2" i="3"/>
  <c r="U2" i="3"/>
  <c r="T2" i="3"/>
  <c r="S2" i="3"/>
  <c r="R2" i="3"/>
  <c r="Q2" i="3"/>
  <c r="P2" i="3"/>
  <c r="O2" i="3"/>
  <c r="N2" i="3"/>
  <c r="L2" i="3"/>
  <c r="K2" i="3"/>
  <c r="K2" i="6" s="1"/>
  <c r="J2" i="3"/>
  <c r="I2" i="3"/>
  <c r="H2" i="3"/>
  <c r="G2" i="3"/>
  <c r="F2" i="3"/>
  <c r="E2" i="3"/>
  <c r="C2" i="3"/>
  <c r="B2" i="3"/>
  <c r="H4" i="6" l="1"/>
  <c r="J7" i="6"/>
  <c r="G8" i="6"/>
  <c r="H3" i="6"/>
  <c r="J8" i="6"/>
  <c r="E3" i="6"/>
  <c r="C13" i="6"/>
  <c r="J13" i="6"/>
  <c r="K3" i="6"/>
  <c r="G3" i="6"/>
  <c r="F11" i="6"/>
  <c r="G11" i="6"/>
  <c r="G12" i="6"/>
  <c r="L3" i="6"/>
  <c r="D3" i="6"/>
  <c r="I7" i="6"/>
  <c r="G13" i="6"/>
  <c r="C3" i="6"/>
  <c r="F3" i="6"/>
  <c r="J3" i="6"/>
  <c r="H13" i="6"/>
  <c r="E13" i="6"/>
  <c r="C7" i="6"/>
  <c r="B13" i="6"/>
  <c r="I11" i="6"/>
  <c r="G5" i="6"/>
  <c r="H8" i="6"/>
  <c r="J11" i="6"/>
  <c r="I6" i="6"/>
  <c r="I4" i="6"/>
  <c r="G6" i="6"/>
  <c r="E8" i="6"/>
  <c r="C10" i="6"/>
  <c r="B12" i="6"/>
  <c r="B4" i="6"/>
  <c r="I5" i="6"/>
  <c r="G7" i="6"/>
  <c r="E9" i="6"/>
  <c r="D11" i="6"/>
  <c r="H12" i="6"/>
  <c r="G4" i="6"/>
  <c r="B5" i="6"/>
  <c r="H7" i="6"/>
  <c r="F6" i="6"/>
  <c r="G9" i="6"/>
  <c r="I12" i="6"/>
  <c r="D5" i="6"/>
  <c r="B7" i="6"/>
  <c r="I8" i="6"/>
  <c r="G10" i="6"/>
  <c r="F12" i="6"/>
  <c r="E10" i="6"/>
  <c r="F4" i="6"/>
  <c r="D6" i="6"/>
  <c r="B8" i="6"/>
  <c r="I9" i="6"/>
  <c r="H11" i="6"/>
  <c r="F5" i="6"/>
  <c r="C4" i="6"/>
  <c r="B9" i="6"/>
  <c r="E11" i="6"/>
  <c r="J6" i="6"/>
  <c r="F10" i="6"/>
  <c r="J10" i="6"/>
  <c r="H5" i="6"/>
  <c r="F7" i="6"/>
  <c r="D9" i="6"/>
  <c r="C11" i="6"/>
  <c r="J12" i="6"/>
  <c r="I10" i="6"/>
  <c r="J4" i="6"/>
  <c r="H6" i="6"/>
  <c r="F8" i="6"/>
  <c r="D10" i="6"/>
  <c r="C12" i="6"/>
  <c r="C8" i="6"/>
  <c r="J5" i="6"/>
  <c r="D12" i="6"/>
  <c r="D7" i="6"/>
  <c r="C7" i="5"/>
  <c r="D2" i="6" s="1"/>
</calcChain>
</file>

<file path=xl/sharedStrings.xml><?xml version="1.0" encoding="utf-8"?>
<sst xmlns="http://schemas.openxmlformats.org/spreadsheetml/2006/main" count="1166" uniqueCount="838">
  <si>
    <t>学校長名</t>
    <rPh sb="0" eb="3">
      <t>ガッコウチョウ</t>
    </rPh>
    <rPh sb="3" eb="4">
      <t>メイ</t>
    </rPh>
    <phoneticPr fontId="1"/>
  </si>
  <si>
    <t>クラブ正式名称</t>
    <rPh sb="3" eb="5">
      <t>セイシキ</t>
    </rPh>
    <rPh sb="5" eb="7">
      <t>メイショウ</t>
    </rPh>
    <phoneticPr fontId="1"/>
  </si>
  <si>
    <t>地区番号</t>
    <rPh sb="0" eb="2">
      <t>チク</t>
    </rPh>
    <rPh sb="2" eb="4">
      <t>バンゴウ</t>
    </rPh>
    <phoneticPr fontId="1"/>
  </si>
  <si>
    <t>学校番号</t>
    <rPh sb="0" eb="2">
      <t>ガッコウ</t>
    </rPh>
    <rPh sb="2" eb="4">
      <t>バンゴウ</t>
    </rPh>
    <phoneticPr fontId="1"/>
  </si>
  <si>
    <t>地区</t>
    <rPh sb="0" eb="2">
      <t>チク</t>
    </rPh>
    <phoneticPr fontId="8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8"/>
  </si>
  <si>
    <t>学校名</t>
    <rPh sb="0" eb="3">
      <t>ガッコウメイ</t>
    </rPh>
    <phoneticPr fontId="8"/>
  </si>
  <si>
    <t>0019</t>
  </si>
  <si>
    <t>尼崎小田</t>
  </si>
  <si>
    <t>0020</t>
  </si>
  <si>
    <t>尼崎稲園</t>
  </si>
  <si>
    <t>0021</t>
  </si>
  <si>
    <t>0022</t>
  </si>
  <si>
    <t>尼崎北</t>
  </si>
  <si>
    <t>0024</t>
  </si>
  <si>
    <t>尼崎西</t>
  </si>
  <si>
    <t>0025</t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尼崎南</t>
  </si>
  <si>
    <t>0135</t>
  </si>
  <si>
    <t>0141</t>
  </si>
  <si>
    <t>神崎工業</t>
  </si>
  <si>
    <t>0146</t>
  </si>
  <si>
    <t>0148</t>
  </si>
  <si>
    <t>市立尼崎</t>
  </si>
  <si>
    <t>0149</t>
  </si>
  <si>
    <t>0150</t>
  </si>
  <si>
    <t>0151</t>
  </si>
  <si>
    <t>0152</t>
  </si>
  <si>
    <t>0153</t>
  </si>
  <si>
    <t>0154</t>
  </si>
  <si>
    <t>0155</t>
  </si>
  <si>
    <t>0156</t>
  </si>
  <si>
    <t>0157</t>
  </si>
  <si>
    <t>0432</t>
  </si>
  <si>
    <t>1172</t>
  </si>
  <si>
    <t>1182</t>
  </si>
  <si>
    <t>1183</t>
  </si>
  <si>
    <t>1352</t>
  </si>
  <si>
    <t>2001</t>
  </si>
  <si>
    <t>2002</t>
  </si>
  <si>
    <t>雲雀丘学園</t>
  </si>
  <si>
    <t>2003</t>
  </si>
  <si>
    <t>小林聖心</t>
  </si>
  <si>
    <t>2004</t>
  </si>
  <si>
    <t>園田学園</t>
  </si>
  <si>
    <t>2005</t>
  </si>
  <si>
    <t>百合学院</t>
  </si>
  <si>
    <t>2006</t>
  </si>
  <si>
    <t>2007</t>
  </si>
  <si>
    <t>三田学園</t>
  </si>
  <si>
    <t>2008</t>
  </si>
  <si>
    <t>仁川学院</t>
  </si>
  <si>
    <t>2011</t>
  </si>
  <si>
    <t>2012</t>
  </si>
  <si>
    <t>関西学院</t>
  </si>
  <si>
    <t>2013</t>
  </si>
  <si>
    <t>報徳学園</t>
  </si>
  <si>
    <t>2014</t>
  </si>
  <si>
    <t>甲陽学院</t>
  </si>
  <si>
    <t>2018</t>
  </si>
  <si>
    <t>甲南</t>
  </si>
  <si>
    <t>2019</t>
  </si>
  <si>
    <t>神戸女学院</t>
  </si>
  <si>
    <t>2020</t>
  </si>
  <si>
    <t>2021</t>
  </si>
  <si>
    <t>甲子園学院</t>
  </si>
  <si>
    <t>3001</t>
  </si>
  <si>
    <t>0001</t>
  </si>
  <si>
    <t>0002</t>
  </si>
  <si>
    <t>東灘</t>
  </si>
  <si>
    <t>0003</t>
  </si>
  <si>
    <t>御影</t>
  </si>
  <si>
    <t>0004</t>
  </si>
  <si>
    <t>神戸</t>
  </si>
  <si>
    <t>0005</t>
  </si>
  <si>
    <t>夢野台</t>
  </si>
  <si>
    <t>0006</t>
  </si>
  <si>
    <t>兵庫</t>
  </si>
  <si>
    <t>0007</t>
  </si>
  <si>
    <t>0008</t>
  </si>
  <si>
    <t>0009</t>
  </si>
  <si>
    <t>神戸北</t>
  </si>
  <si>
    <t>0010</t>
  </si>
  <si>
    <t>神戸甲北</t>
  </si>
  <si>
    <t>0011</t>
  </si>
  <si>
    <t>長田</t>
  </si>
  <si>
    <t>0012</t>
  </si>
  <si>
    <t>須磨東</t>
  </si>
  <si>
    <t>0013</t>
  </si>
  <si>
    <t>北須磨</t>
  </si>
  <si>
    <t>0014</t>
  </si>
  <si>
    <t>須磨友が丘</t>
  </si>
  <si>
    <t>0015</t>
  </si>
  <si>
    <t>星陵</t>
  </si>
  <si>
    <t>0016</t>
  </si>
  <si>
    <t>舞子</t>
  </si>
  <si>
    <t>0017</t>
  </si>
  <si>
    <t>伊川谷北</t>
  </si>
  <si>
    <t>0018</t>
  </si>
  <si>
    <t>伊川谷</t>
  </si>
  <si>
    <t>0115</t>
  </si>
  <si>
    <t>神戸高塚</t>
  </si>
  <si>
    <t>0128</t>
  </si>
  <si>
    <t>兵庫工業</t>
  </si>
  <si>
    <t>0132</t>
  </si>
  <si>
    <t>神戸商業</t>
  </si>
  <si>
    <t>0140</t>
  </si>
  <si>
    <t>湊川</t>
  </si>
  <si>
    <t>0144</t>
  </si>
  <si>
    <t>0145</t>
  </si>
  <si>
    <t>長田商業</t>
  </si>
  <si>
    <t>1501</t>
  </si>
  <si>
    <t>青雲</t>
  </si>
  <si>
    <t>1503</t>
  </si>
  <si>
    <t>1504</t>
  </si>
  <si>
    <t>1505</t>
  </si>
  <si>
    <t>1506</t>
  </si>
  <si>
    <t>1507</t>
  </si>
  <si>
    <t>1508</t>
  </si>
  <si>
    <t>1509</t>
  </si>
  <si>
    <t>1510</t>
  </si>
  <si>
    <t>1511</t>
  </si>
  <si>
    <t>1512</t>
  </si>
  <si>
    <t>1513</t>
  </si>
  <si>
    <t>2009</t>
  </si>
  <si>
    <t>2010</t>
  </si>
  <si>
    <t>神戸第一</t>
  </si>
  <si>
    <t>2015</t>
  </si>
  <si>
    <t>2016</t>
  </si>
  <si>
    <t>灘</t>
  </si>
  <si>
    <t>2017</t>
  </si>
  <si>
    <t>2022</t>
  </si>
  <si>
    <t>神港学園</t>
  </si>
  <si>
    <t>2023</t>
  </si>
  <si>
    <t>甲南女子</t>
  </si>
  <si>
    <t>2024</t>
  </si>
  <si>
    <t>親和女子</t>
  </si>
  <si>
    <t>2025</t>
  </si>
  <si>
    <t>神戸海星</t>
  </si>
  <si>
    <t>2026</t>
  </si>
  <si>
    <t>松蔭</t>
  </si>
  <si>
    <t>2027</t>
  </si>
  <si>
    <t>2028</t>
  </si>
  <si>
    <t>2029</t>
  </si>
  <si>
    <t>2030</t>
  </si>
  <si>
    <t>神戸野田</t>
  </si>
  <si>
    <t>2031</t>
  </si>
  <si>
    <t>須磨学園</t>
  </si>
  <si>
    <t>2032</t>
  </si>
  <si>
    <t>神戸星城</t>
  </si>
  <si>
    <t>2034</t>
  </si>
  <si>
    <t>滝川第二</t>
  </si>
  <si>
    <t>2035</t>
  </si>
  <si>
    <t>2036</t>
  </si>
  <si>
    <t>2037</t>
  </si>
  <si>
    <t>育英</t>
  </si>
  <si>
    <t>2038</t>
  </si>
  <si>
    <t>滝川</t>
  </si>
  <si>
    <t>2039</t>
  </si>
  <si>
    <t>2040</t>
  </si>
  <si>
    <t>2041</t>
  </si>
  <si>
    <t>2042</t>
  </si>
  <si>
    <t>3002</t>
  </si>
  <si>
    <t>愛徳学園</t>
  </si>
  <si>
    <t>0050</t>
  </si>
  <si>
    <t>２地区その他の学校</t>
    <rPh sb="1" eb="3">
      <t>チク</t>
    </rPh>
    <phoneticPr fontId="8"/>
  </si>
  <si>
    <t>0051</t>
  </si>
  <si>
    <t>明石</t>
  </si>
  <si>
    <t>0052</t>
  </si>
  <si>
    <t>明石南</t>
  </si>
  <si>
    <t>0053</t>
  </si>
  <si>
    <t>明石北</t>
  </si>
  <si>
    <t>0054</t>
  </si>
  <si>
    <t>明石城西</t>
  </si>
  <si>
    <t>0055</t>
  </si>
  <si>
    <t>明石清水</t>
  </si>
  <si>
    <t>0056</t>
  </si>
  <si>
    <t>明石西</t>
  </si>
  <si>
    <t>0057</t>
  </si>
  <si>
    <t>加古川北</t>
  </si>
  <si>
    <t>0058</t>
  </si>
  <si>
    <t>加古川東</t>
  </si>
  <si>
    <t>0059</t>
  </si>
  <si>
    <t>加古川西</t>
  </si>
  <si>
    <t>0060</t>
  </si>
  <si>
    <t>加古川南</t>
  </si>
  <si>
    <t>0061</t>
  </si>
  <si>
    <t>高砂</t>
  </si>
  <si>
    <t>0062</t>
  </si>
  <si>
    <t>高砂南</t>
  </si>
  <si>
    <t>松陽</t>
  </si>
  <si>
    <t>0063</t>
  </si>
  <si>
    <t>0064</t>
  </si>
  <si>
    <t>東播磨</t>
  </si>
  <si>
    <t>0065</t>
  </si>
  <si>
    <t>播磨南</t>
  </si>
  <si>
    <t>0066</t>
  </si>
  <si>
    <t>西脇</t>
  </si>
  <si>
    <t>0067</t>
  </si>
  <si>
    <t>三木東</t>
  </si>
  <si>
    <t>0068</t>
  </si>
  <si>
    <t>三木</t>
  </si>
  <si>
    <t>0069</t>
  </si>
  <si>
    <t>三木北</t>
  </si>
  <si>
    <t>0070</t>
  </si>
  <si>
    <t>小野</t>
  </si>
  <si>
    <t>0071</t>
  </si>
  <si>
    <t>吉川</t>
  </si>
  <si>
    <t>0072</t>
  </si>
  <si>
    <t>社</t>
  </si>
  <si>
    <t>0073</t>
  </si>
  <si>
    <t>多可</t>
  </si>
  <si>
    <t>北条</t>
  </si>
  <si>
    <t>0099</t>
  </si>
  <si>
    <t>北条・定</t>
  </si>
  <si>
    <t>洲本</t>
  </si>
  <si>
    <t>0100</t>
  </si>
  <si>
    <t>津名</t>
  </si>
  <si>
    <t>0101</t>
  </si>
  <si>
    <t>0102</t>
  </si>
  <si>
    <t>0105</t>
  </si>
  <si>
    <t>農業</t>
  </si>
  <si>
    <t>0106</t>
  </si>
  <si>
    <t>農業・定</t>
  </si>
  <si>
    <t>0112</t>
  </si>
  <si>
    <t>播磨農業</t>
  </si>
  <si>
    <t>0119</t>
  </si>
  <si>
    <t>淡路</t>
  </si>
  <si>
    <t>0120</t>
  </si>
  <si>
    <t>東播工業</t>
  </si>
  <si>
    <t>0121</t>
  </si>
  <si>
    <t>西脇工業</t>
  </si>
  <si>
    <t>小野工業</t>
  </si>
  <si>
    <t>0127</t>
  </si>
  <si>
    <t>0136</t>
  </si>
  <si>
    <t>洲本実業</t>
  </si>
  <si>
    <t>0137</t>
  </si>
  <si>
    <t>錦城</t>
  </si>
  <si>
    <t>0158</t>
  </si>
  <si>
    <t>西脇北</t>
  </si>
  <si>
    <t>1122</t>
  </si>
  <si>
    <t>1272</t>
  </si>
  <si>
    <t>2043</t>
  </si>
  <si>
    <t>2033</t>
  </si>
  <si>
    <t>白陵</t>
  </si>
  <si>
    <t>3003</t>
  </si>
  <si>
    <t>0074</t>
  </si>
  <si>
    <t>0075</t>
  </si>
  <si>
    <t>姫路別所</t>
  </si>
  <si>
    <t>0076</t>
  </si>
  <si>
    <t>姫路東</t>
  </si>
  <si>
    <t>0077</t>
  </si>
  <si>
    <t>姫路西</t>
  </si>
  <si>
    <t>0078</t>
  </si>
  <si>
    <t>姫路飾西</t>
  </si>
  <si>
    <t>0079</t>
  </si>
  <si>
    <t>姫路南</t>
  </si>
  <si>
    <t>網干</t>
  </si>
  <si>
    <t>0080</t>
  </si>
  <si>
    <t>網干・通</t>
  </si>
  <si>
    <t>0081</t>
  </si>
  <si>
    <t>家島</t>
  </si>
  <si>
    <t>0082</t>
  </si>
  <si>
    <t>相生</t>
  </si>
  <si>
    <t>0083</t>
  </si>
  <si>
    <t>龍野</t>
  </si>
  <si>
    <t>0084</t>
  </si>
  <si>
    <t>太子</t>
  </si>
  <si>
    <t>赤穂</t>
  </si>
  <si>
    <t>0085</t>
  </si>
  <si>
    <t>赤穂・定</t>
  </si>
  <si>
    <t>0086</t>
  </si>
  <si>
    <t>福崎</t>
  </si>
  <si>
    <t>0087</t>
  </si>
  <si>
    <t>香寺</t>
  </si>
  <si>
    <t>0088</t>
  </si>
  <si>
    <t>神崎</t>
  </si>
  <si>
    <t>0089</t>
  </si>
  <si>
    <t>夢前</t>
  </si>
  <si>
    <t>0090</t>
  </si>
  <si>
    <t>伊和</t>
  </si>
  <si>
    <t>0091</t>
  </si>
  <si>
    <t>千種</t>
  </si>
  <si>
    <t>豊岡</t>
  </si>
  <si>
    <t>0093</t>
  </si>
  <si>
    <t>0094</t>
  </si>
  <si>
    <t>出石</t>
  </si>
  <si>
    <t>0096</t>
  </si>
  <si>
    <t>浜坂</t>
  </si>
  <si>
    <t>0097</t>
  </si>
  <si>
    <t>村岡</t>
  </si>
  <si>
    <t>0098</t>
  </si>
  <si>
    <t>八鹿</t>
  </si>
  <si>
    <t>0107</t>
  </si>
  <si>
    <t>生野</t>
  </si>
  <si>
    <t>0108</t>
  </si>
  <si>
    <t>上郡</t>
  </si>
  <si>
    <t>0109</t>
  </si>
  <si>
    <t>佐用</t>
  </si>
  <si>
    <t>0110</t>
  </si>
  <si>
    <t>0111</t>
  </si>
  <si>
    <t>日高</t>
  </si>
  <si>
    <t>0113</t>
  </si>
  <si>
    <t>但馬農業</t>
  </si>
  <si>
    <t>0114</t>
  </si>
  <si>
    <t>山崎</t>
  </si>
  <si>
    <t>0122</t>
  </si>
  <si>
    <t>香住</t>
  </si>
  <si>
    <t>飾磨工業</t>
  </si>
  <si>
    <t>0123</t>
  </si>
  <si>
    <t>0124</t>
  </si>
  <si>
    <t>姫路工業</t>
  </si>
  <si>
    <t>相生産業</t>
  </si>
  <si>
    <t>0125</t>
  </si>
  <si>
    <t>0129</t>
  </si>
  <si>
    <t>0130</t>
  </si>
  <si>
    <t>0138</t>
  </si>
  <si>
    <t>和田山</t>
  </si>
  <si>
    <t>0147</t>
  </si>
  <si>
    <t>姫路北</t>
  </si>
  <si>
    <t>0159</t>
  </si>
  <si>
    <t>0160</t>
  </si>
  <si>
    <t>0161</t>
  </si>
  <si>
    <t>0972</t>
  </si>
  <si>
    <t>1262</t>
  </si>
  <si>
    <t>2044</t>
  </si>
  <si>
    <t>2045</t>
  </si>
  <si>
    <t>2046</t>
  </si>
  <si>
    <t>市川</t>
  </si>
  <si>
    <t>2047</t>
  </si>
  <si>
    <t>2048</t>
  </si>
  <si>
    <t>生野学園</t>
  </si>
  <si>
    <t>2049</t>
  </si>
  <si>
    <t>淳心学院</t>
  </si>
  <si>
    <t>2050</t>
  </si>
  <si>
    <t>2051</t>
  </si>
  <si>
    <t>2052</t>
  </si>
  <si>
    <t>3004</t>
  </si>
  <si>
    <t>日ノ本学園</t>
  </si>
  <si>
    <t>阪神・丹有</t>
    <rPh sb="0" eb="2">
      <t>ハンシン</t>
    </rPh>
    <rPh sb="3" eb="5">
      <t>タンユウ</t>
    </rPh>
    <phoneticPr fontId="1"/>
  </si>
  <si>
    <t>神戸</t>
    <rPh sb="0" eb="2">
      <t>コウベ</t>
    </rPh>
    <phoneticPr fontId="1"/>
  </si>
  <si>
    <t>東播・淡路</t>
    <rPh sb="0" eb="1">
      <t>トウ</t>
    </rPh>
    <rPh sb="1" eb="2">
      <t>バン</t>
    </rPh>
    <rPh sb="3" eb="5">
      <t>アワジ</t>
    </rPh>
    <phoneticPr fontId="1"/>
  </si>
  <si>
    <t>西播・但馬</t>
    <rPh sb="0" eb="2">
      <t>セイバン</t>
    </rPh>
    <rPh sb="3" eb="5">
      <t>タジマ</t>
    </rPh>
    <phoneticPr fontId="1"/>
  </si>
  <si>
    <t>学校名</t>
    <rPh sb="0" eb="3">
      <t>ガッコウメイ</t>
    </rPh>
    <phoneticPr fontId="1"/>
  </si>
  <si>
    <t>学校所在地</t>
    <rPh sb="0" eb="2">
      <t>ガッコウ</t>
    </rPh>
    <rPh sb="2" eb="5">
      <t>ショザイチ</t>
    </rPh>
    <phoneticPr fontId="1"/>
  </si>
  <si>
    <t>所在地</t>
    <rPh sb="0" eb="3">
      <t>ショザイチ</t>
    </rPh>
    <phoneticPr fontId="1"/>
  </si>
  <si>
    <t>E-mail</t>
    <phoneticPr fontId="1"/>
  </si>
  <si>
    <t>〒</t>
    <phoneticPr fontId="1"/>
  </si>
  <si>
    <t>－</t>
    <phoneticPr fontId="1"/>
  </si>
  <si>
    <t>合計</t>
    <rPh sb="0" eb="2">
      <t>ゴウケイ</t>
    </rPh>
    <phoneticPr fontId="1"/>
  </si>
  <si>
    <t>人</t>
    <rPh sb="0" eb="1">
      <t>ニン</t>
    </rPh>
    <phoneticPr fontId="1"/>
  </si>
  <si>
    <t>1年</t>
    <rPh sb="1" eb="2">
      <t>ネン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2年</t>
    <rPh sb="1" eb="2">
      <t>ネン</t>
    </rPh>
    <phoneticPr fontId="1"/>
  </si>
  <si>
    <t>3年</t>
    <rPh sb="1" eb="2">
      <t>ネン</t>
    </rPh>
    <phoneticPr fontId="1"/>
  </si>
  <si>
    <t>4年</t>
    <rPh sb="1" eb="2">
      <t>ネン</t>
    </rPh>
    <phoneticPr fontId="1"/>
  </si>
  <si>
    <t>部員数</t>
    <rPh sb="0" eb="3">
      <t>ブインスウ</t>
    </rPh>
    <phoneticPr fontId="1"/>
  </si>
  <si>
    <t>５文字以内に略した場合の学校名</t>
    <rPh sb="1" eb="3">
      <t>モジ</t>
    </rPh>
    <rPh sb="3" eb="5">
      <t>イナイ</t>
    </rPh>
    <rPh sb="6" eb="7">
      <t>リャク</t>
    </rPh>
    <rPh sb="9" eb="11">
      <t>バアイ</t>
    </rPh>
    <rPh sb="12" eb="15">
      <t>ガッコウメイ</t>
    </rPh>
    <phoneticPr fontId="1"/>
  </si>
  <si>
    <t>学校TEL</t>
    <phoneticPr fontId="1"/>
  </si>
  <si>
    <t>学校Fax</t>
    <phoneticPr fontId="1"/>
  </si>
  <si>
    <t>その他の
場合</t>
    <rPh sb="2" eb="3">
      <t>タ</t>
    </rPh>
    <rPh sb="5" eb="7">
      <t>バアイ</t>
    </rPh>
    <phoneticPr fontId="1"/>
  </si>
  <si>
    <r>
      <t xml:space="preserve">クラブ正式名称
</t>
    </r>
    <r>
      <rPr>
        <sz val="10"/>
        <color theme="1"/>
        <rFont val="ＭＳ 明朝"/>
        <family val="1"/>
        <charset val="128"/>
      </rPr>
      <t>（選んでください）</t>
    </r>
    <rPh sb="3" eb="5">
      <t>セイシキ</t>
    </rPh>
    <rPh sb="5" eb="7">
      <t>メイショウ</t>
    </rPh>
    <rPh sb="9" eb="10">
      <t>エラ</t>
    </rPh>
    <phoneticPr fontId="1"/>
  </si>
  <si>
    <t>←　承認しない場合は×印</t>
    <rPh sb="2" eb="4">
      <t>ショウニン</t>
    </rPh>
    <rPh sb="7" eb="9">
      <t>バアイ</t>
    </rPh>
    <rPh sb="11" eb="12">
      <t>ジルシ</t>
    </rPh>
    <phoneticPr fontId="1"/>
  </si>
  <si>
    <t>新聞・視聴覚部会ＷＥＢサイト等への生徒名の掲載</t>
    <rPh sb="0" eb="2">
      <t>シンブン</t>
    </rPh>
    <rPh sb="3" eb="6">
      <t>シチョウカク</t>
    </rPh>
    <rPh sb="6" eb="8">
      <t>ブカイ</t>
    </rPh>
    <rPh sb="14" eb="15">
      <t>トウ</t>
    </rPh>
    <rPh sb="17" eb="19">
      <t>セイト</t>
    </rPh>
    <rPh sb="19" eb="20">
      <t>メイ</t>
    </rPh>
    <rPh sb="21" eb="23">
      <t>ケイサイ</t>
    </rPh>
    <phoneticPr fontId="1"/>
  </si>
  <si>
    <t>顧問の先生の情報</t>
    <rPh sb="0" eb="2">
      <t>コモン</t>
    </rPh>
    <rPh sb="3" eb="5">
      <t>センセイ</t>
    </rPh>
    <rPh sb="6" eb="8">
      <t>ジョウホウ</t>
    </rPh>
    <phoneticPr fontId="1"/>
  </si>
  <si>
    <t>顧問１</t>
    <rPh sb="0" eb="2">
      <t>コモン</t>
    </rPh>
    <phoneticPr fontId="1"/>
  </si>
  <si>
    <t>名前</t>
    <rPh sb="0" eb="2">
      <t>ナマエ</t>
    </rPh>
    <phoneticPr fontId="1"/>
  </si>
  <si>
    <t>勤務先PCアドレス</t>
    <rPh sb="0" eb="3">
      <t>キンムサキ</t>
    </rPh>
    <phoneticPr fontId="1"/>
  </si>
  <si>
    <t>顧問２</t>
    <rPh sb="0" eb="2">
      <t>コモン</t>
    </rPh>
    <phoneticPr fontId="1"/>
  </si>
  <si>
    <t>顧問３</t>
    <rPh sb="0" eb="2">
      <t>コモン</t>
    </rPh>
    <phoneticPr fontId="1"/>
  </si>
  <si>
    <t>顧問４</t>
    <rPh sb="0" eb="2">
      <t>コモン</t>
    </rPh>
    <phoneticPr fontId="1"/>
  </si>
  <si>
    <t>顧問５</t>
    <rPh sb="0" eb="2">
      <t>コモン</t>
    </rPh>
    <phoneticPr fontId="1"/>
  </si>
  <si>
    <t>学校電話番号</t>
    <rPh sb="0" eb="2">
      <t>ガッコウ</t>
    </rPh>
    <rPh sb="2" eb="4">
      <t>デンワ</t>
    </rPh>
    <rPh sb="4" eb="6">
      <t>バンゴウ</t>
    </rPh>
    <phoneticPr fontId="1"/>
  </si>
  <si>
    <t>学校FAX番号</t>
    <rPh sb="0" eb="2">
      <t>ガッコウ</t>
    </rPh>
    <rPh sb="5" eb="7">
      <t>バンゴウ</t>
    </rPh>
    <phoneticPr fontId="1"/>
  </si>
  <si>
    <t>学校郵便番号</t>
    <rPh sb="0" eb="2">
      <t>ガッコウ</t>
    </rPh>
    <rPh sb="2" eb="4">
      <t>ユウビン</t>
    </rPh>
    <rPh sb="4" eb="6">
      <t>バンゴウ</t>
    </rPh>
    <phoneticPr fontId="1"/>
  </si>
  <si>
    <t>学校住所</t>
    <rPh sb="0" eb="2">
      <t>ガッコウ</t>
    </rPh>
    <rPh sb="2" eb="4">
      <t>ジュウショ</t>
    </rPh>
    <phoneticPr fontId="1"/>
  </si>
  <si>
    <t>学校メールアドレス</t>
    <rPh sb="0" eb="2">
      <t>ガッコウ</t>
    </rPh>
    <phoneticPr fontId="1"/>
  </si>
  <si>
    <t>学校略称</t>
    <rPh sb="0" eb="2">
      <t>ガッコウ</t>
    </rPh>
    <rPh sb="2" eb="4">
      <t>リャクショウ</t>
    </rPh>
    <phoneticPr fontId="1"/>
  </si>
  <si>
    <t>部員数合計</t>
    <rPh sb="0" eb="3">
      <t>ブインスウ</t>
    </rPh>
    <rPh sb="3" eb="5">
      <t>ゴウケイ</t>
    </rPh>
    <phoneticPr fontId="1"/>
  </si>
  <si>
    <t>1年男</t>
    <rPh sb="1" eb="2">
      <t>ネン</t>
    </rPh>
    <rPh sb="2" eb="3">
      <t>オトコ</t>
    </rPh>
    <phoneticPr fontId="1"/>
  </si>
  <si>
    <t>1年女</t>
    <rPh sb="1" eb="2">
      <t>ネン</t>
    </rPh>
    <rPh sb="2" eb="3">
      <t>オンナ</t>
    </rPh>
    <phoneticPr fontId="1"/>
  </si>
  <si>
    <t>2年男</t>
    <rPh sb="1" eb="2">
      <t>ネン</t>
    </rPh>
    <rPh sb="2" eb="3">
      <t>オトコ</t>
    </rPh>
    <phoneticPr fontId="1"/>
  </si>
  <si>
    <t>2年女</t>
    <rPh sb="1" eb="2">
      <t>ネン</t>
    </rPh>
    <rPh sb="2" eb="3">
      <t>オンナ</t>
    </rPh>
    <phoneticPr fontId="1"/>
  </si>
  <si>
    <t>3年男</t>
    <rPh sb="1" eb="2">
      <t>ネン</t>
    </rPh>
    <rPh sb="2" eb="3">
      <t>オトコ</t>
    </rPh>
    <phoneticPr fontId="1"/>
  </si>
  <si>
    <t>3年女</t>
    <rPh sb="1" eb="2">
      <t>ネン</t>
    </rPh>
    <rPh sb="2" eb="3">
      <t>オンナ</t>
    </rPh>
    <phoneticPr fontId="1"/>
  </si>
  <si>
    <t>4年男</t>
    <rPh sb="1" eb="2">
      <t>ネン</t>
    </rPh>
    <rPh sb="2" eb="3">
      <t>オトコ</t>
    </rPh>
    <phoneticPr fontId="1"/>
  </si>
  <si>
    <t>4年女</t>
    <rPh sb="1" eb="2">
      <t>ネン</t>
    </rPh>
    <rPh sb="2" eb="3">
      <t>オンナ</t>
    </rPh>
    <phoneticPr fontId="1"/>
  </si>
  <si>
    <t>掲載許可</t>
    <rPh sb="0" eb="2">
      <t>ケイサイ</t>
    </rPh>
    <rPh sb="2" eb="4">
      <t>キョカ</t>
    </rPh>
    <phoneticPr fontId="1"/>
  </si>
  <si>
    <t>顧問1名前</t>
    <rPh sb="0" eb="2">
      <t>コモン</t>
    </rPh>
    <rPh sb="3" eb="5">
      <t>ナマエ</t>
    </rPh>
    <phoneticPr fontId="1"/>
  </si>
  <si>
    <t>顧問1携帯番号</t>
    <rPh sb="3" eb="5">
      <t>ケイタイ</t>
    </rPh>
    <rPh sb="5" eb="7">
      <t>バンゴウ</t>
    </rPh>
    <phoneticPr fontId="1"/>
  </si>
  <si>
    <t>顧問1ML登録アドレス</t>
    <rPh sb="5" eb="7">
      <t>トウロク</t>
    </rPh>
    <phoneticPr fontId="1"/>
  </si>
  <si>
    <t>顧問1勤務先アドレス</t>
    <rPh sb="3" eb="6">
      <t>キンムサキ</t>
    </rPh>
    <phoneticPr fontId="1"/>
  </si>
  <si>
    <t>顧問2名前</t>
    <rPh sb="0" eb="2">
      <t>コモン</t>
    </rPh>
    <rPh sb="3" eb="5">
      <t>ナマエ</t>
    </rPh>
    <phoneticPr fontId="1"/>
  </si>
  <si>
    <t>顧問2携帯番号</t>
    <rPh sb="3" eb="5">
      <t>ケイタイ</t>
    </rPh>
    <rPh sb="5" eb="7">
      <t>バンゴウ</t>
    </rPh>
    <phoneticPr fontId="1"/>
  </si>
  <si>
    <t>顧問2ML登録アドレス</t>
    <rPh sb="5" eb="7">
      <t>トウロク</t>
    </rPh>
    <phoneticPr fontId="1"/>
  </si>
  <si>
    <t>顧問2勤務先アドレス</t>
    <rPh sb="3" eb="6">
      <t>キンムサキ</t>
    </rPh>
    <phoneticPr fontId="1"/>
  </si>
  <si>
    <t>顧問3名前</t>
    <rPh sb="0" eb="2">
      <t>コモン</t>
    </rPh>
    <rPh sb="3" eb="5">
      <t>ナマエ</t>
    </rPh>
    <phoneticPr fontId="1"/>
  </si>
  <si>
    <t>顧問3携帯番号</t>
    <rPh sb="3" eb="5">
      <t>ケイタイ</t>
    </rPh>
    <rPh sb="5" eb="7">
      <t>バンゴウ</t>
    </rPh>
    <phoneticPr fontId="1"/>
  </si>
  <si>
    <t>顧問3ML登録アドレス</t>
    <rPh sb="5" eb="7">
      <t>トウロク</t>
    </rPh>
    <phoneticPr fontId="1"/>
  </si>
  <si>
    <t>顧問3勤務先アドレス</t>
    <rPh sb="3" eb="6">
      <t>キンムサキ</t>
    </rPh>
    <phoneticPr fontId="1"/>
  </si>
  <si>
    <t>顧問4名前</t>
    <rPh sb="0" eb="2">
      <t>コモン</t>
    </rPh>
    <rPh sb="3" eb="5">
      <t>ナマエ</t>
    </rPh>
    <phoneticPr fontId="1"/>
  </si>
  <si>
    <t>顧問4携帯番号</t>
    <rPh sb="3" eb="5">
      <t>ケイタイ</t>
    </rPh>
    <rPh sb="5" eb="7">
      <t>バンゴウ</t>
    </rPh>
    <phoneticPr fontId="1"/>
  </si>
  <si>
    <t>顧問4ML登録アドレス</t>
    <rPh sb="5" eb="7">
      <t>トウロク</t>
    </rPh>
    <phoneticPr fontId="1"/>
  </si>
  <si>
    <t>顧問4勤務先アドレス</t>
    <rPh sb="3" eb="6">
      <t>キンムサキ</t>
    </rPh>
    <phoneticPr fontId="1"/>
  </si>
  <si>
    <t>顧問5名前</t>
    <rPh sb="0" eb="2">
      <t>コモン</t>
    </rPh>
    <rPh sb="3" eb="5">
      <t>ナマエ</t>
    </rPh>
    <phoneticPr fontId="1"/>
  </si>
  <si>
    <t>顧問5携帯番号</t>
    <rPh sb="3" eb="5">
      <t>ケイタイ</t>
    </rPh>
    <rPh sb="5" eb="7">
      <t>バンゴウ</t>
    </rPh>
    <phoneticPr fontId="1"/>
  </si>
  <si>
    <t>顧問5ML登録アドレス</t>
    <rPh sb="5" eb="7">
      <t>トウロク</t>
    </rPh>
    <phoneticPr fontId="1"/>
  </si>
  <si>
    <t>顧問5勤務先アドレス</t>
    <rPh sb="3" eb="6">
      <t>キンムサキ</t>
    </rPh>
    <phoneticPr fontId="1"/>
  </si>
  <si>
    <t>関西学院高等部</t>
  </si>
  <si>
    <t>神戸女学院高等学部</t>
  </si>
  <si>
    <t>兵庫県立有馬高等学校</t>
  </si>
  <si>
    <t>兵庫県立有馬高等学校定時制課程</t>
  </si>
  <si>
    <t>兵庫県立松陽高等学校定時制課程</t>
  </si>
  <si>
    <t>兵庫県立北条高等学校定時制課程</t>
  </si>
  <si>
    <t>兵庫県立洲本高等学校定時制課程</t>
  </si>
  <si>
    <t>兵庫県立農業高等学校定時制課程</t>
  </si>
  <si>
    <t>兵庫県立小野工業高等学校定時制課程</t>
  </si>
  <si>
    <t>兵庫県立網干高等学校通信制課程</t>
  </si>
  <si>
    <t>兵庫県立赤穂高等学校定時制課程</t>
  </si>
  <si>
    <t>兵庫県立豊岡高等学校定時制課程</t>
  </si>
  <si>
    <t>兵庫県立飾磨工業高等学校多部制</t>
  </si>
  <si>
    <t>兵庫県立相生産業高等学校定時制課程</t>
  </si>
  <si>
    <t>兵庫県立尼崎小田高等学校</t>
  </si>
  <si>
    <t>兵庫県立尼崎稲園高等学校</t>
  </si>
  <si>
    <t>兵庫県立尼崎高等学校</t>
  </si>
  <si>
    <t>兵庫県立尼崎北高等学校</t>
  </si>
  <si>
    <t>兵庫県立尼崎西高等学校</t>
  </si>
  <si>
    <t>兵庫県立伊丹高等学校</t>
  </si>
  <si>
    <t>兵庫県立伊丹北高等学校</t>
  </si>
  <si>
    <t>兵庫県立伊丹西高等学校</t>
  </si>
  <si>
    <t>兵庫県立川西緑台高等学校</t>
  </si>
  <si>
    <t>兵庫県立川西明峰高等学校</t>
  </si>
  <si>
    <t>兵庫県立川西北陵高等学校</t>
  </si>
  <si>
    <t>兵庫県立猪名川高等学校</t>
  </si>
  <si>
    <t>兵庫県立西宮高等学校</t>
  </si>
  <si>
    <t>兵庫県立鳴尾高等学校</t>
  </si>
  <si>
    <t>兵庫県立西宮北高等学校</t>
  </si>
  <si>
    <t>兵庫県立西宮甲山高等学校</t>
  </si>
  <si>
    <t>兵庫県立西宮南高等学校</t>
  </si>
  <si>
    <t>兵庫県立西宮今津高等学校</t>
  </si>
  <si>
    <t>兵庫県立宝塚高等学校</t>
  </si>
  <si>
    <t>兵庫県立宝塚東高等学校</t>
  </si>
  <si>
    <t>兵庫県立宝塚北高等学校</t>
  </si>
  <si>
    <t>兵庫県立宝塚西高等学校</t>
  </si>
  <si>
    <t>兵庫県立芦屋高等学校</t>
  </si>
  <si>
    <t>兵庫県立北摂三田高等学校</t>
  </si>
  <si>
    <t>兵庫県立三田西陵高等学校</t>
  </si>
  <si>
    <t>兵庫県立三田祥雲館高等学校</t>
  </si>
  <si>
    <t>兵庫県立柏原高等学校</t>
  </si>
  <si>
    <t>兵庫県立氷上西高等学校</t>
  </si>
  <si>
    <t>兵庫県立篠山鳳鳴高等学校</t>
  </si>
  <si>
    <t>兵庫県立氷上高等学校</t>
  </si>
  <si>
    <t>兵庫県立尼崎工業高等学校</t>
  </si>
  <si>
    <t>兵庫県立篠山産業高等学校</t>
  </si>
  <si>
    <t>兵庫県立尼崎南高等学校</t>
  </si>
  <si>
    <t/>
  </si>
  <si>
    <t>兵庫県立神崎工業高等学校</t>
  </si>
  <si>
    <t>兵庫県立西宮香風高等学校</t>
  </si>
  <si>
    <t>尼崎市立尼崎高等学校</t>
  </si>
  <si>
    <t>西宮市立西宮高等学校</t>
  </si>
  <si>
    <t>西宮市立西宮東高等学校</t>
  </si>
  <si>
    <t>伊丹市立伊丹高等学校</t>
  </si>
  <si>
    <t>兵庫県立阪神昆陽高等学校</t>
  </si>
  <si>
    <t>兵庫県立国際高等学校</t>
  </si>
  <si>
    <t>兵庫県立武庫荘総合高等学校</t>
  </si>
  <si>
    <t>兵庫県立篠山東雲高等学校</t>
  </si>
  <si>
    <t>尼崎市立尼崎双星高等学校</t>
  </si>
  <si>
    <t>尼崎市立琴ノ浦高等学校</t>
  </si>
  <si>
    <t>雲雀丘学園高等学校</t>
  </si>
  <si>
    <t>小林聖心女子学院高等学校</t>
  </si>
  <si>
    <t>園田学園高等学校</t>
  </si>
  <si>
    <t>百合学院高等学校</t>
  </si>
  <si>
    <t>三田松聖高等学校</t>
  </si>
  <si>
    <t>三田学園高等学校</t>
  </si>
  <si>
    <t>仁川学院高等学校</t>
  </si>
  <si>
    <t>芦屋学園高等学校</t>
  </si>
  <si>
    <t>報徳学園高等学校</t>
  </si>
  <si>
    <t>甲陽学院高等学校</t>
  </si>
  <si>
    <t>甲南高等学校</t>
  </si>
  <si>
    <t>武庫川女子大学附属高等学校</t>
  </si>
  <si>
    <t>甲子園学院高等学校</t>
  </si>
  <si>
    <t>兵庫県立東灘高等学校</t>
  </si>
  <si>
    <t>兵庫県立御影高等学校</t>
  </si>
  <si>
    <t>兵庫県立神戸高等学校</t>
  </si>
  <si>
    <t>兵庫県立夢野台高等学校</t>
  </si>
  <si>
    <t>兵庫県立兵庫高等学校</t>
  </si>
  <si>
    <t>兵庫県立神戸鈴蘭台高等学校</t>
  </si>
  <si>
    <t>兵庫県立神戸北高等学校</t>
  </si>
  <si>
    <t>兵庫県立神戸甲北高等学校</t>
  </si>
  <si>
    <t>兵庫県立長田高等学校</t>
  </si>
  <si>
    <t>兵庫県立須磨東高等学校</t>
  </si>
  <si>
    <t>兵庫県立北須磨高等学校</t>
  </si>
  <si>
    <t>兵庫県立須磨友が丘高等学校</t>
  </si>
  <si>
    <t>兵庫県立星陵高等学校</t>
  </si>
  <si>
    <t>兵庫県立舞子高等学校</t>
  </si>
  <si>
    <t>兵庫県立伊川谷北高等学校</t>
  </si>
  <si>
    <t>兵庫県立伊川谷高等学校</t>
  </si>
  <si>
    <t>兵庫県立神戸高塚高等学校</t>
  </si>
  <si>
    <t>兵庫県立兵庫工業高等学校</t>
  </si>
  <si>
    <t>兵庫県立神戸商業高等学校</t>
  </si>
  <si>
    <t>兵庫県立湊川高等学校</t>
  </si>
  <si>
    <t>兵庫県立神戸工業高等学校</t>
  </si>
  <si>
    <t>兵庫県立長田商業高等学校</t>
  </si>
  <si>
    <t>兵庫県立青雲高等学校</t>
  </si>
  <si>
    <t>神戸市立科学技術高等学校</t>
  </si>
  <si>
    <t>神戸市立葺合高等学校</t>
  </si>
  <si>
    <t>神戸市立摩耶兵庫高等学校</t>
  </si>
  <si>
    <t>神戸市立神戸工科高等学校</t>
  </si>
  <si>
    <t>神戸市立楠高等学校</t>
  </si>
  <si>
    <t>神戸市立須磨翔風高等学校</t>
  </si>
  <si>
    <t>神戸市立神港橘高等学校</t>
  </si>
  <si>
    <t>神戸第一高等学校</t>
  </si>
  <si>
    <t>神戸学院大学附属高等学校</t>
  </si>
  <si>
    <t>灘高等学校</t>
  </si>
  <si>
    <t>神港学園神港高等学校</t>
  </si>
  <si>
    <t>甲南女子高等学校</t>
  </si>
  <si>
    <t>親和女子高等学校</t>
  </si>
  <si>
    <t>神戸海星女子学院高等学校</t>
  </si>
  <si>
    <t>松蔭高等学校</t>
  </si>
  <si>
    <t>神戸龍谷高等学校</t>
  </si>
  <si>
    <t>神戸野田高等学校</t>
  </si>
  <si>
    <t>須磨学園高等学校</t>
  </si>
  <si>
    <t>神戸星城高等学校</t>
  </si>
  <si>
    <t>滝川第二高等学校</t>
  </si>
  <si>
    <t>神戸弘陵学園高等学校</t>
  </si>
  <si>
    <t>神戸村野工業高等学校</t>
  </si>
  <si>
    <t>育英高等学校</t>
  </si>
  <si>
    <t>滝川高等学校</t>
  </si>
  <si>
    <t>神戸国際大学附属高等学校</t>
  </si>
  <si>
    <t>兵庫大学附属須磨ノ浦高等学校</t>
  </si>
  <si>
    <t>啓明学院高等学校</t>
  </si>
  <si>
    <t>神戸国際高等学校</t>
  </si>
  <si>
    <t>愛徳学園高等学校</t>
  </si>
  <si>
    <t>兵庫県立明石高等学校</t>
  </si>
  <si>
    <t>兵庫県立明石南高等学校</t>
  </si>
  <si>
    <t>兵庫県立明石北高等学校</t>
  </si>
  <si>
    <t>兵庫県立明石城西高等学校</t>
  </si>
  <si>
    <t>兵庫県立明石清水高等学校</t>
  </si>
  <si>
    <t>兵庫県立明石西高等学校</t>
  </si>
  <si>
    <t>兵庫県立加古川北高等学校</t>
  </si>
  <si>
    <t>兵庫県立加古川東高等学校</t>
  </si>
  <si>
    <t>兵庫県立加古川西高等学校</t>
  </si>
  <si>
    <t>兵庫県立加古川南高等学校</t>
  </si>
  <si>
    <t>兵庫県立高砂高等学校</t>
  </si>
  <si>
    <t>兵庫県立高砂南高等学校</t>
  </si>
  <si>
    <t>兵庫県立松陽高等学校</t>
  </si>
  <si>
    <t>兵庫県立東播磨高等学校</t>
  </si>
  <si>
    <t>兵庫県立播磨南高等学校</t>
  </si>
  <si>
    <t>兵庫県立西脇高等学校</t>
  </si>
  <si>
    <t>兵庫県立三木東高等学校</t>
  </si>
  <si>
    <t>兵庫県立三木高等学校</t>
  </si>
  <si>
    <t>兵庫県立三木北高等学校</t>
  </si>
  <si>
    <t>兵庫県立小野高等学校</t>
  </si>
  <si>
    <t>兵庫県立吉川高等学校</t>
  </si>
  <si>
    <t>兵庫県立社高等学校</t>
  </si>
  <si>
    <t>兵庫県立多可高等学校</t>
  </si>
  <si>
    <t>兵庫県立北条高等学校</t>
  </si>
  <si>
    <t>兵庫県立洲本高等学校</t>
  </si>
  <si>
    <t>兵庫県立津名高等学校</t>
  </si>
  <si>
    <t>兵庫県立淡路三原高等学校</t>
  </si>
  <si>
    <t>兵庫県立三原高等学校</t>
  </si>
  <si>
    <t>兵庫県立志知高等学校</t>
  </si>
  <si>
    <t>兵庫県立農業高等学校</t>
  </si>
  <si>
    <t>兵庫県立播磨農業高等学校</t>
  </si>
  <si>
    <t>兵庫県立淡路高等学校</t>
  </si>
  <si>
    <t>兵庫県立東播工業高等学校</t>
  </si>
  <si>
    <t>兵庫県立西脇工業高等学校</t>
  </si>
  <si>
    <t>兵庫県立小野工業高等学校</t>
  </si>
  <si>
    <t>兵庫県立洲本実業高等学校</t>
  </si>
  <si>
    <t>兵庫県立錦城高等学校</t>
  </si>
  <si>
    <t>白陵高等学校</t>
  </si>
  <si>
    <t>兵庫県立姫路別所高等学校</t>
  </si>
  <si>
    <t>兵庫県立姫路東高等学校</t>
  </si>
  <si>
    <t>兵庫県立姫路西高等学校</t>
  </si>
  <si>
    <t>兵庫県立姫路飾西高等学校</t>
  </si>
  <si>
    <t>兵庫県立姫路南高等学校</t>
  </si>
  <si>
    <t>兵庫県立網干高等学校</t>
  </si>
  <si>
    <t>兵庫県立家島高等学校</t>
  </si>
  <si>
    <t>兵庫県立相生高等学校</t>
  </si>
  <si>
    <t>兵庫県立龍野高等学校</t>
  </si>
  <si>
    <t>兵庫県立太子高等学校</t>
  </si>
  <si>
    <t>兵庫県立赤穂高等学校</t>
  </si>
  <si>
    <t>兵庫県立福崎高等学校</t>
  </si>
  <si>
    <t>兵庫県立香寺高等学校</t>
  </si>
  <si>
    <t>兵庫県立神崎高等学校</t>
  </si>
  <si>
    <t>兵庫県立夢前高等学校</t>
  </si>
  <si>
    <t>兵庫県立伊和高等学校</t>
  </si>
  <si>
    <t>兵庫県立千種高等学校</t>
  </si>
  <si>
    <t>兵庫県立豊岡高等学校</t>
  </si>
  <si>
    <t>兵庫県立出石高等学校</t>
  </si>
  <si>
    <t>兵庫県立浜坂高等学校</t>
  </si>
  <si>
    <t>兵庫県立村岡高等学校</t>
  </si>
  <si>
    <t>兵庫県立八鹿高等学校</t>
  </si>
  <si>
    <t>兵庫県立生野高等学校</t>
  </si>
  <si>
    <t>兵庫県立上郡高等学校</t>
  </si>
  <si>
    <t>兵庫県立佐用高等学校</t>
  </si>
  <si>
    <t>兵庫県立日高高等学校</t>
  </si>
  <si>
    <t>兵庫県立但馬農業高等学校</t>
  </si>
  <si>
    <t>兵庫県立山崎高等学校</t>
  </si>
  <si>
    <t>兵庫県立香住高等学校</t>
  </si>
  <si>
    <t>兵庫県立飾磨工業高等学校</t>
  </si>
  <si>
    <t>兵庫県立姫路工業高等学校</t>
  </si>
  <si>
    <t>兵庫県立相生産業高等学校</t>
  </si>
  <si>
    <t>兵庫県立姫路商業高等学校</t>
  </si>
  <si>
    <t>兵庫県立姫路北高等学校</t>
  </si>
  <si>
    <t>姫路市立姫路高等学校</t>
  </si>
  <si>
    <t>姫路市立琴丘高等学校</t>
  </si>
  <si>
    <t>姫路市立飾磨高等学校</t>
  </si>
  <si>
    <t>兵庫県立豊岡総合高等学校</t>
  </si>
  <si>
    <t>兵庫県立龍野北高等学校</t>
  </si>
  <si>
    <t>東洋大学附属姫路高等学校</t>
  </si>
  <si>
    <t>市川高等学校</t>
  </si>
  <si>
    <t>近畿大学付属豊岡高等学校</t>
  </si>
  <si>
    <t>生野学園高等学校</t>
  </si>
  <si>
    <t>淳心学院高等学校</t>
  </si>
  <si>
    <t>自由ケ丘高等学校</t>
  </si>
  <si>
    <t>賢明女子学院高等学校</t>
  </si>
  <si>
    <t>日ノ本学園高等学校</t>
  </si>
  <si>
    <t>↓学校番号のシートを参照してください。</t>
    <rPh sb="10" eb="12">
      <t>サンショウ</t>
    </rPh>
    <phoneticPr fontId="1"/>
  </si>
  <si>
    <r>
      <t xml:space="preserve">←学校名は正式なものをお書きください
</t>
    </r>
    <r>
      <rPr>
        <sz val="10"/>
        <color theme="1"/>
        <rFont val="HG丸ｺﾞｼｯｸM-PRO"/>
        <family val="3"/>
        <charset val="128"/>
      </rPr>
      <t>（表示が間違っている場合、数式を消して入力をお願いします）</t>
    </r>
    <rPh sb="1" eb="4">
      <t>ガッコウメイ</t>
    </rPh>
    <rPh sb="5" eb="7">
      <t>セイシキ</t>
    </rPh>
    <rPh sb="12" eb="13">
      <t>カ</t>
    </rPh>
    <rPh sb="32" eb="34">
      <t>スウシキ</t>
    </rPh>
    <rPh sb="35" eb="36">
      <t>ケ</t>
    </rPh>
    <rPh sb="38" eb="40">
      <t>ニュウリョク</t>
    </rPh>
    <phoneticPr fontId="1"/>
  </si>
  <si>
    <t>※注：　印刷の際、注意書きのエリア（黄色部分）は印刷されません</t>
    <rPh sb="1" eb="2">
      <t>チュウ</t>
    </rPh>
    <rPh sb="4" eb="6">
      <t>インサツ</t>
    </rPh>
    <rPh sb="7" eb="8">
      <t>サイ</t>
    </rPh>
    <rPh sb="9" eb="12">
      <t>チュウイガ</t>
    </rPh>
    <rPh sb="18" eb="20">
      <t>キイロ</t>
    </rPh>
    <rPh sb="20" eb="22">
      <t>ブブン</t>
    </rPh>
    <rPh sb="24" eb="26">
      <t>インサツ</t>
    </rPh>
    <phoneticPr fontId="1"/>
  </si>
  <si>
    <t>←学校長名には、外字が使えません</t>
    <rPh sb="1" eb="4">
      <t>ガッコウチョウ</t>
    </rPh>
    <rPh sb="4" eb="5">
      <t>メイ</t>
    </rPh>
    <rPh sb="8" eb="10">
      <t>ガイジ</t>
    </rPh>
    <rPh sb="11" eb="12">
      <t>ツカ</t>
    </rPh>
    <phoneticPr fontId="1"/>
  </si>
  <si>
    <t>←最低でも、お1人は入力をお願いします。</t>
    <rPh sb="1" eb="3">
      <t>サイテイ</t>
    </rPh>
    <rPh sb="7" eb="9">
      <t>ヒトリ</t>
    </rPh>
    <rPh sb="10" eb="12">
      <t>ニュウリョク</t>
    </rPh>
    <rPh sb="14" eb="15">
      <t>ネガ</t>
    </rPh>
    <phoneticPr fontId="1"/>
  </si>
  <si>
    <t>地区
番号</t>
    <rPh sb="0" eb="2">
      <t>チク</t>
    </rPh>
    <rPh sb="3" eb="5">
      <t>バンゴウ</t>
    </rPh>
    <phoneticPr fontId="1"/>
  </si>
  <si>
    <t>学校
番号</t>
    <rPh sb="0" eb="2">
      <t>ガッコウ</t>
    </rPh>
    <rPh sb="3" eb="5">
      <t>バンゴウ</t>
    </rPh>
    <phoneticPr fontId="1"/>
  </si>
  <si>
    <t>TEL</t>
    <phoneticPr fontId="1"/>
  </si>
  <si>
    <t>FAX</t>
    <phoneticPr fontId="1"/>
  </si>
  <si>
    <t>公文書用E-mail</t>
    <rPh sb="0" eb="3">
      <t>コウブンショ</t>
    </rPh>
    <rPh sb="3" eb="4">
      <t>ヨウ</t>
    </rPh>
    <phoneticPr fontId="1"/>
  </si>
  <si>
    <t>学校長名</t>
    <rPh sb="0" eb="2">
      <t>ガッコウ</t>
    </rPh>
    <rPh sb="2" eb="3">
      <t>チョウ</t>
    </rPh>
    <rPh sb="3" eb="4">
      <t>メイ</t>
    </rPh>
    <phoneticPr fontId="1"/>
  </si>
  <si>
    <t>視聴覚担当</t>
    <rPh sb="0" eb="3">
      <t>シチョウカク</t>
    </rPh>
    <rPh sb="3" eb="5">
      <t>タントウ</t>
    </rPh>
    <phoneticPr fontId="1"/>
  </si>
  <si>
    <t>放送部（委員会）
顧問名</t>
    <rPh sb="0" eb="3">
      <t>ホウソウブ</t>
    </rPh>
    <rPh sb="4" eb="7">
      <t>イインカイ</t>
    </rPh>
    <rPh sb="9" eb="11">
      <t>コモン</t>
    </rPh>
    <rPh sb="11" eb="12">
      <t>メイ</t>
    </rPh>
    <phoneticPr fontId="1"/>
  </si>
  <si>
    <t>No</t>
    <phoneticPr fontId="1"/>
  </si>
  <si>
    <t>会員氏名</t>
    <rPh sb="0" eb="2">
      <t>カイイン</t>
    </rPh>
    <rPh sb="2" eb="4">
      <t>シメイ</t>
    </rPh>
    <phoneticPr fontId="1"/>
  </si>
  <si>
    <t>担当教科</t>
    <rPh sb="0" eb="2">
      <t>タントウ</t>
    </rPh>
    <rPh sb="2" eb="4">
      <t>キョウカ</t>
    </rPh>
    <phoneticPr fontId="1"/>
  </si>
  <si>
    <t>e-mail：</t>
    <phoneticPr fontId="1"/>
  </si>
  <si>
    <t>受付番号</t>
    <rPh sb="0" eb="2">
      <t>ウケツケ</t>
    </rPh>
    <rPh sb="2" eb="4">
      <t>バンゴウ</t>
    </rPh>
    <phoneticPr fontId="1"/>
  </si>
  <si>
    <t>※</t>
    <phoneticPr fontId="1"/>
  </si>
  <si>
    <t>全ての入力を終えた段階で、ファイルを送信してください。</t>
  </si>
  <si>
    <t>←大会エントリー時に、その年度の「放送部登録ＩＤ」が必要となります。</t>
    <phoneticPr fontId="1"/>
  </si>
  <si>
    <t>←学校の代表のメールアドレス(公文書を送るアドレス)をお書きください
　Webページ（http://で始まるもの）のアドレスではありません</t>
    <rPh sb="1" eb="3">
      <t>ガッコウ</t>
    </rPh>
    <rPh sb="4" eb="6">
      <t>ダイヒョウ</t>
    </rPh>
    <rPh sb="15" eb="18">
      <t>コウブンショ</t>
    </rPh>
    <rPh sb="19" eb="20">
      <t>オク</t>
    </rPh>
    <rPh sb="28" eb="29">
      <t>カ</t>
    </rPh>
    <phoneticPr fontId="1"/>
  </si>
  <si>
    <t>←「兵庫県」は入力しなくても構いません。</t>
    <rPh sb="2" eb="5">
      <t>ヒョウゴケン</t>
    </rPh>
    <rPh sb="7" eb="9">
      <t>ニュウリョク</t>
    </rPh>
    <rPh sb="14" eb="15">
      <t>カマ</t>
    </rPh>
    <phoneticPr fontId="1"/>
  </si>
  <si>
    <t>←同じ校名で「県立」と「市立」がある場合、県立か市立がわかるような表記にしてください。</t>
    <rPh sb="1" eb="2">
      <t>オナ</t>
    </rPh>
    <rPh sb="3" eb="5">
      <t>コウメイ</t>
    </rPh>
    <rPh sb="7" eb="9">
      <t>ケンリツ</t>
    </rPh>
    <rPh sb="12" eb="14">
      <t>イチリツ</t>
    </rPh>
    <rPh sb="18" eb="20">
      <t>バアイ</t>
    </rPh>
    <rPh sb="21" eb="23">
      <t>ケンリツ</t>
    </rPh>
    <rPh sb="24" eb="26">
      <t>イチリツ</t>
    </rPh>
    <rPh sb="33" eb="35">
      <t>ヒョウキ</t>
    </rPh>
    <phoneticPr fontId="1"/>
  </si>
  <si>
    <t>緊急連絡メール
登録アドレス</t>
    <phoneticPr fontId="1"/>
  </si>
  <si>
    <t>携帯電話番号</t>
    <phoneticPr fontId="1"/>
  </si>
  <si>
    <t>←1人目の先生は、緊急連絡メール登録アドレスは、必ずお書きください。</t>
    <phoneticPr fontId="1"/>
  </si>
  <si>
    <t>←1人目の先生は、携帯電話番号は、必ずお書きください。</t>
    <phoneticPr fontId="1"/>
  </si>
  <si>
    <t>←お手数ですが，会員になられる先生方のお名前，担当教科，e-mailアドレスを入力してください。</t>
    <rPh sb="2" eb="4">
      <t>テスウ</t>
    </rPh>
    <rPh sb="8" eb="10">
      <t>カイイン</t>
    </rPh>
    <rPh sb="15" eb="18">
      <t>センセイガタ</t>
    </rPh>
    <rPh sb="20" eb="22">
      <t>ナマエ</t>
    </rPh>
    <rPh sb="23" eb="25">
      <t>タントウ</t>
    </rPh>
    <rPh sb="25" eb="27">
      <t>キョウカ</t>
    </rPh>
    <rPh sb="39" eb="41">
      <t>ニュウリョク</t>
    </rPh>
    <phoneticPr fontId="1"/>
  </si>
  <si>
    <r>
      <t>「放送部登録票」の入力ができたら、</t>
    </r>
    <r>
      <rPr>
        <sz val="12"/>
        <color rgb="FFFF0000"/>
        <rFont val="HG丸ｺﾞｼｯｸM-PRO"/>
        <family val="3"/>
        <charset val="128"/>
      </rPr>
      <t>１部印刷し、校長印を押したものを会議にご持参ください</t>
    </r>
    <r>
      <rPr>
        <sz val="12"/>
        <color theme="1"/>
        <rFont val="HG丸ｺﾞｼｯｸM-PRO"/>
        <family val="3"/>
        <charset val="128"/>
      </rPr>
      <t>。</t>
    </r>
    <rPh sb="23" eb="26">
      <t>コウチョウイン</t>
    </rPh>
    <phoneticPr fontId="1"/>
  </si>
  <si>
    <t>提出フォームのアドレスはこちらです。</t>
    <rPh sb="0" eb="2">
      <t>テイシュツ</t>
    </rPh>
    <phoneticPr fontId="1"/>
  </si>
  <si>
    <t>ファイル送信の際には、ファイル名を「学校番号_学校名」にして送ってください。</t>
    <rPh sb="4" eb="6">
      <t>ソウシン</t>
    </rPh>
    <rPh sb="7" eb="8">
      <t>サイ</t>
    </rPh>
    <rPh sb="15" eb="16">
      <t>メイ</t>
    </rPh>
    <rPh sb="18" eb="20">
      <t>ガッコウ</t>
    </rPh>
    <rPh sb="30" eb="31">
      <t>オク</t>
    </rPh>
    <phoneticPr fontId="1"/>
  </si>
  <si>
    <t>（例えば、伊丹北高等学校であれば、1007_伊丹北）</t>
    <rPh sb="1" eb="2">
      <t>タト</t>
    </rPh>
    <rPh sb="5" eb="8">
      <t>イタミキタ</t>
    </rPh>
    <rPh sb="8" eb="12">
      <t>コウトウガッコウ</t>
    </rPh>
    <rPh sb="22" eb="25">
      <t>イタミキタ</t>
    </rPh>
    <phoneticPr fontId="1"/>
  </si>
  <si>
    <r>
      <t>←部員数は、</t>
    </r>
    <r>
      <rPr>
        <u/>
        <sz val="11"/>
        <color theme="1"/>
        <rFont val="HG丸ｺﾞｼｯｸM-PRO"/>
        <family val="3"/>
        <charset val="128"/>
      </rPr>
      <t>登録票作成時点の人数</t>
    </r>
    <r>
      <rPr>
        <sz val="11"/>
        <color theme="1"/>
        <rFont val="HG丸ｺﾞｼｯｸM-PRO"/>
        <family val="3"/>
        <charset val="128"/>
      </rPr>
      <t>を入力してください。</t>
    </r>
    <phoneticPr fontId="1"/>
  </si>
  <si>
    <t>略称の例</t>
    <rPh sb="0" eb="2">
      <t>リャクショウ</t>
    </rPh>
    <rPh sb="3" eb="4">
      <t>レイ</t>
    </rPh>
    <phoneticPr fontId="1"/>
  </si>
  <si>
    <t>阪神昆陽</t>
  </si>
  <si>
    <t>部登録のExcelファイルは、GoogleFormsにて送信になります。</t>
    <rPh sb="0" eb="1">
      <t>ブ</t>
    </rPh>
    <rPh sb="1" eb="3">
      <t>トウロク</t>
    </rPh>
    <rPh sb="28" eb="30">
      <t>ソウシン</t>
    </rPh>
    <phoneticPr fontId="1"/>
  </si>
  <si>
    <t>「視聴覚部会名簿（兼入会申込書）」の入力ができたら、１部印刷し、会議にご持参ください。</t>
    <phoneticPr fontId="1"/>
  </si>
  <si>
    <t>併せて、「視聴覚部会名簿（兼入会申込書）」の入力ができたら、１部印刷し、会議にご持参ください。</t>
    <rPh sb="0" eb="1">
      <t>アワ</t>
    </rPh>
    <phoneticPr fontId="1"/>
  </si>
  <si>
    <r>
      <t>「放送部登録票」の入力ができたら、</t>
    </r>
    <r>
      <rPr>
        <sz val="12"/>
        <color rgb="FFFF0000"/>
        <rFont val="Meiryo UI"/>
        <family val="3"/>
        <charset val="128"/>
      </rPr>
      <t>１部印刷し、校長印を押したものを会議にご持参ください</t>
    </r>
    <r>
      <rPr>
        <sz val="12"/>
        <color theme="1"/>
        <rFont val="Meiryo UI"/>
        <family val="3"/>
        <charset val="128"/>
      </rPr>
      <t>。</t>
    </r>
    <rPh sb="23" eb="26">
      <t>コウチョウイン</t>
    </rPh>
    <phoneticPr fontId="1"/>
  </si>
  <si>
    <t>※注意その１</t>
  </si>
  <si>
    <t>「ブラウザを更新して Google ドライブを使用する」が表示されて提出フォームが開かない場合</t>
  </si>
  <si>
    <t>１．Google Chromeで、「兵庫県高等学校教育研究会視聴覚部会」を検索して表示</t>
  </si>
  <si>
    <t>２．放送部登録のページを開き</t>
  </si>
  <si>
    <t>３．「ここ」をクリックしてください。</t>
  </si>
  <si>
    <t>※注意その２</t>
  </si>
  <si>
    <t>１．一度Googleのアカウントからサインアウトする</t>
  </si>
  <si>
    <t>２．学校から付与されているGoogleアカウントではない、一般のGoogleアカウントで入りなおす。</t>
  </si>
  <si>
    <t>３．再度アクセスしてみてください。（県立学校の教員系ネットワークを利用していると、時折このエラーが出ます）</t>
  </si>
  <si>
    <t>Googleフォームにアクセスした際、</t>
    <phoneticPr fontId="1"/>
  </si>
  <si>
    <t>間違いであると思われる場合は、ドメイン管理者にお問い合わせください。」</t>
    <phoneticPr fontId="1"/>
  </si>
  <si>
    <t>というメッセージが出る場合</t>
    <phoneticPr fontId="1"/>
  </si>
  <si>
    <t>＜よくある質問＞</t>
    <phoneticPr fontId="1"/>
  </si>
  <si>
    <t>＜注意事項＞</t>
    <rPh sb="1" eb="5">
      <t>チュウイジコウ</t>
    </rPh>
    <phoneticPr fontId="1"/>
  </si>
  <si>
    <t>（視聴覚部会ＨＰの「放送部　部登録について」の「お知らせ」にも掲載しています）</t>
    <phoneticPr fontId="1"/>
  </si>
  <si>
    <t>←担当者がいない場合は空欄で構いません。(ネットワーク管理者、ICT管理者ではないので注意！)</t>
    <rPh sb="1" eb="4">
      <t>タントウシャ</t>
    </rPh>
    <rPh sb="8" eb="10">
      <t>バアイ</t>
    </rPh>
    <rPh sb="11" eb="13">
      <t>クウラン</t>
    </rPh>
    <rPh sb="14" eb="15">
      <t>カマ</t>
    </rPh>
    <rPh sb="27" eb="30">
      <t>カンリシャ</t>
    </rPh>
    <rPh sb="34" eb="37">
      <t>カンリシャ</t>
    </rPh>
    <rPh sb="43" eb="45">
      <t>チュウイ</t>
    </rPh>
    <phoneticPr fontId="1"/>
  </si>
  <si>
    <t>←第１顧問の先生のみで大丈夫です！</t>
    <rPh sb="1" eb="2">
      <t>ダイ</t>
    </rPh>
    <rPh sb="3" eb="5">
      <t>コモン</t>
    </rPh>
    <rPh sb="6" eb="8">
      <t>センセイ</t>
    </rPh>
    <rPh sb="11" eb="14">
      <t>ダイジョウブ</t>
    </rPh>
    <phoneticPr fontId="1"/>
  </si>
  <si>
    <t>2025年度部登録ＩＤ（事務局記入）</t>
    <rPh sb="4" eb="6">
      <t>ネンド</t>
    </rPh>
    <rPh sb="6" eb="7">
      <t>ブ</t>
    </rPh>
    <rPh sb="7" eb="9">
      <t>トウロク</t>
    </rPh>
    <rPh sb="12" eb="15">
      <t>ジムキョク</t>
    </rPh>
    <rPh sb="15" eb="17">
      <t>キニュウ</t>
    </rPh>
    <phoneticPr fontId="1"/>
  </si>
  <si>
    <t>2025年度（令和7年度）　兵庫県高等学校放送部登録票</t>
    <rPh sb="4" eb="6">
      <t>ネンド</t>
    </rPh>
    <rPh sb="7" eb="9">
      <t>レイワ</t>
    </rPh>
    <rPh sb="10" eb="12">
      <t>ネンド</t>
    </rPh>
    <rPh sb="14" eb="17">
      <t>ヒョウゴケン</t>
    </rPh>
    <rPh sb="17" eb="21">
      <t>コウトウガッコウ</t>
    </rPh>
    <rPh sb="21" eb="24">
      <t>ホウソウブ</t>
    </rPh>
    <rPh sb="24" eb="26">
      <t>トウロク</t>
    </rPh>
    <rPh sb="26" eb="27">
      <t>ヒョウ</t>
    </rPh>
    <phoneticPr fontId="1"/>
  </si>
  <si>
    <t>この「放送部登録票」の入力シートは、「R7視聴覚名簿」のシートにもリンクしています。</t>
  </si>
  <si>
    <t>令和7年度兵庫県高等学校教育研究会視聴覚部会名簿（兼入会申込書）</t>
    <rPh sb="0" eb="2">
      <t>レイワ</t>
    </rPh>
    <phoneticPr fontId="1"/>
  </si>
  <si>
    <t>「ドキュメントをフォームのオーナーと共有する権限がないため、2025年度　放送部登録　ファイル提出フォーム に返信できません。</t>
    <phoneticPr fontId="1"/>
  </si>
  <si>
    <t>https://forms.gle/4vqmubTMFg1zcSib9</t>
  </si>
  <si>
    <t>県立尼崎</t>
    <rPh sb="0" eb="2">
      <t>ケンリツ</t>
    </rPh>
    <rPh sb="2" eb="4">
      <t>アマガサキ</t>
    </rPh>
    <phoneticPr fontId="3"/>
  </si>
  <si>
    <t>県立伊丹</t>
  </si>
  <si>
    <t>県立西宮</t>
  </si>
  <si>
    <t>西宮今津</t>
  </si>
  <si>
    <t>西宮香風</t>
  </si>
  <si>
    <t>市立西宮</t>
  </si>
  <si>
    <t>市立西宮東</t>
  </si>
  <si>
    <t>市立伊丹</t>
  </si>
  <si>
    <t>国際</t>
  </si>
  <si>
    <t>武庫荘総合</t>
  </si>
  <si>
    <t>篠山東雲</t>
    <rPh sb="0" eb="2">
      <t>ササヤマ</t>
    </rPh>
    <phoneticPr fontId="6"/>
  </si>
  <si>
    <t>芦屋国際中等教育学校</t>
    <rPh sb="6" eb="8">
      <t>キョウイク</t>
    </rPh>
    <rPh sb="8" eb="10">
      <t>ガッコウ</t>
    </rPh>
    <phoneticPr fontId="4"/>
  </si>
  <si>
    <t>市立尼崎双星</t>
    <rPh sb="0" eb="2">
      <t>シリツ</t>
    </rPh>
    <rPh sb="2" eb="4">
      <t>アマガサキ</t>
    </rPh>
    <rPh sb="4" eb="5">
      <t>ソウ</t>
    </rPh>
    <rPh sb="5" eb="6">
      <t>ホシ</t>
    </rPh>
    <phoneticPr fontId="4"/>
  </si>
  <si>
    <t>市立琴ノ浦</t>
    <rPh sb="0" eb="2">
      <t>イチリツ</t>
    </rPh>
    <rPh sb="2" eb="3">
      <t>コト</t>
    </rPh>
    <rPh sb="4" eb="5">
      <t>ウラ</t>
    </rPh>
    <phoneticPr fontId="4"/>
  </si>
  <si>
    <t>西宮苦楽園</t>
    <rPh sb="0" eb="5">
      <t>ニシノミヤクラクエン</t>
    </rPh>
    <phoneticPr fontId="3"/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6"/>
  </si>
  <si>
    <t>芦屋学園</t>
    <rPh sb="2" eb="4">
      <t>ガクエン</t>
    </rPh>
    <phoneticPr fontId="4"/>
  </si>
  <si>
    <t>武庫川女子大学附属</t>
    <rPh sb="3" eb="5">
      <t>ジョシ</t>
    </rPh>
    <rPh sb="5" eb="7">
      <t>ダイガク</t>
    </rPh>
    <phoneticPr fontId="6"/>
  </si>
  <si>
    <t>1地区その他の学校</t>
    <rPh sb="1" eb="3">
      <t>チク</t>
    </rPh>
    <phoneticPr fontId="6"/>
  </si>
  <si>
    <t>神戸鈴蘭台</t>
  </si>
  <si>
    <t>神戸工業</t>
  </si>
  <si>
    <t>六甲ｱｲﾗﾝﾄﾞ</t>
  </si>
  <si>
    <t>科学技術</t>
    <rPh sb="0" eb="2">
      <t>カガク</t>
    </rPh>
    <phoneticPr fontId="3"/>
  </si>
  <si>
    <t>葺合</t>
    <rPh sb="0" eb="2">
      <t>フキアイ</t>
    </rPh>
    <phoneticPr fontId="6"/>
  </si>
  <si>
    <t>摩耶兵庫</t>
  </si>
  <si>
    <t>神戸工科</t>
    <rPh sb="3" eb="4">
      <t>カ</t>
    </rPh>
    <phoneticPr fontId="3"/>
  </si>
  <si>
    <t>市立楠</t>
    <rPh sb="0" eb="2">
      <t>シリツ</t>
    </rPh>
    <phoneticPr fontId="6"/>
  </si>
  <si>
    <t>視覚特別支援学校</t>
    <rPh sb="0" eb="2">
      <t>シカク</t>
    </rPh>
    <rPh sb="2" eb="4">
      <t>トクベツ</t>
    </rPh>
    <rPh sb="4" eb="6">
      <t>シエン</t>
    </rPh>
    <rPh sb="6" eb="8">
      <t>ガッコウ</t>
    </rPh>
    <phoneticPr fontId="4"/>
  </si>
  <si>
    <t>須磨翔風</t>
    <rPh sb="0" eb="2">
      <t>スマ</t>
    </rPh>
    <phoneticPr fontId="6"/>
  </si>
  <si>
    <t>神港橘</t>
    <rPh sb="1" eb="2">
      <t>ミナト</t>
    </rPh>
    <phoneticPr fontId="4"/>
  </si>
  <si>
    <t>友生支援学校</t>
    <rPh sb="0" eb="1">
      <t>トモ</t>
    </rPh>
    <rPh sb="1" eb="2">
      <t>ナマ</t>
    </rPh>
    <rPh sb="2" eb="4">
      <t>シエン</t>
    </rPh>
    <rPh sb="4" eb="6">
      <t>ガッコウ</t>
    </rPh>
    <phoneticPr fontId="4"/>
  </si>
  <si>
    <t>市立盲学校</t>
  </si>
  <si>
    <t>青陽須磨支援学校</t>
    <rPh sb="0" eb="1">
      <t>アオ</t>
    </rPh>
    <rPh sb="1" eb="2">
      <t>ヨウ</t>
    </rPh>
    <rPh sb="2" eb="4">
      <t>スマ</t>
    </rPh>
    <rPh sb="4" eb="6">
      <t>シエン</t>
    </rPh>
    <rPh sb="6" eb="8">
      <t>ガッコウ</t>
    </rPh>
    <phoneticPr fontId="4"/>
  </si>
  <si>
    <t>いぶき明生支援学校</t>
    <rPh sb="7" eb="9">
      <t>ガッコウ</t>
    </rPh>
    <phoneticPr fontId="4"/>
  </si>
  <si>
    <t>北神戸総合</t>
    <rPh sb="0" eb="5">
      <t>キタコウベソウゴウ</t>
    </rPh>
    <phoneticPr fontId="3"/>
  </si>
  <si>
    <t>神戸学園都市</t>
    <rPh sb="0" eb="6">
      <t>コウベガクエントシ</t>
    </rPh>
    <phoneticPr fontId="3"/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6"/>
  </si>
  <si>
    <t>六甲学院</t>
    <rPh sb="2" eb="4">
      <t>ガクイン</t>
    </rPh>
    <phoneticPr fontId="3"/>
  </si>
  <si>
    <t>神戸龍谷</t>
    <rPh sb="0" eb="2">
      <t>コウベ</t>
    </rPh>
    <rPh sb="2" eb="4">
      <t>リュウコク</t>
    </rPh>
    <phoneticPr fontId="6"/>
  </si>
  <si>
    <t>神戸常盤</t>
    <rPh sb="2" eb="4">
      <t>トキワ</t>
    </rPh>
    <phoneticPr fontId="6"/>
  </si>
  <si>
    <t>神戸弘陵</t>
  </si>
  <si>
    <t>彩星工科</t>
    <rPh sb="0" eb="1">
      <t>イロド</t>
    </rPh>
    <rPh sb="1" eb="2">
      <t>ホシ</t>
    </rPh>
    <rPh sb="3" eb="4">
      <t>カ</t>
    </rPh>
    <phoneticPr fontId="3"/>
  </si>
  <si>
    <t>神戸国際大学附属</t>
    <rPh sb="5" eb="6">
      <t>ガク</t>
    </rPh>
    <rPh sb="7" eb="8">
      <t>ゾク</t>
    </rPh>
    <phoneticPr fontId="6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4"/>
  </si>
  <si>
    <t>啓明学院</t>
  </si>
  <si>
    <t>神戸国際</t>
  </si>
  <si>
    <t>夙川</t>
  </si>
  <si>
    <t>２地区その他の学校</t>
    <rPh sb="1" eb="3">
      <t>チク</t>
    </rPh>
    <phoneticPr fontId="6"/>
  </si>
  <si>
    <t>松陽（定）</t>
  </si>
  <si>
    <t>洲本・定</t>
  </si>
  <si>
    <t>淡路三原</t>
    <rPh sb="0" eb="2">
      <t>アワジ</t>
    </rPh>
    <phoneticPr fontId="4"/>
  </si>
  <si>
    <t>小野工業・定</t>
  </si>
  <si>
    <t>市立明石商業</t>
  </si>
  <si>
    <t>三木総合</t>
    <rPh sb="0" eb="2">
      <t>ミキ</t>
    </rPh>
    <rPh sb="2" eb="4">
      <t>ソウゴウ</t>
    </rPh>
    <phoneticPr fontId="3"/>
  </si>
  <si>
    <t>蒼開</t>
  </si>
  <si>
    <t>３地区その他の学校</t>
    <rPh sb="1" eb="3">
      <t>チク</t>
    </rPh>
    <phoneticPr fontId="6"/>
  </si>
  <si>
    <t>豊岡（定）</t>
  </si>
  <si>
    <t>飾磨工業（多）</t>
  </si>
  <si>
    <t>相生産業（定）</t>
  </si>
  <si>
    <t>姫路商業</t>
  </si>
  <si>
    <t>県立大附属</t>
    <rPh sb="0" eb="2">
      <t>ケンリツ</t>
    </rPh>
    <phoneticPr fontId="6"/>
  </si>
  <si>
    <t>市立姫路</t>
  </si>
  <si>
    <t>市立琴丘</t>
  </si>
  <si>
    <t>市立飾磨</t>
  </si>
  <si>
    <t>豊岡総合</t>
    <rPh sb="0" eb="1">
      <t>トヨ</t>
    </rPh>
    <phoneticPr fontId="6"/>
  </si>
  <si>
    <t>龍野北</t>
    <rPh sb="0" eb="2">
      <t>タツノ</t>
    </rPh>
    <rPh sb="2" eb="3">
      <t>キタ</t>
    </rPh>
    <phoneticPr fontId="4"/>
  </si>
  <si>
    <t>播磨福崎</t>
    <rPh sb="0" eb="2">
      <t>ハリマ</t>
    </rPh>
    <rPh sb="2" eb="4">
      <t>フクサキ</t>
    </rPh>
    <phoneticPr fontId="3"/>
  </si>
  <si>
    <t>東洋大附姫路</t>
  </si>
  <si>
    <t>近大附豊岡</t>
  </si>
  <si>
    <t>自由ヶ丘</t>
    <rPh sb="0" eb="2">
      <t>ジユウ</t>
    </rPh>
    <rPh sb="3" eb="4">
      <t>オカ</t>
    </rPh>
    <phoneticPr fontId="4"/>
  </si>
  <si>
    <t>姫路女学院</t>
    <rPh sb="0" eb="2">
      <t>ヒメジ</t>
    </rPh>
    <rPh sb="2" eb="5">
      <t>ジョガクイン</t>
    </rPh>
    <phoneticPr fontId="3"/>
  </si>
  <si>
    <t>賢明女子学院</t>
  </si>
  <si>
    <t>４地区その他の学校</t>
    <rPh sb="1" eb="3">
      <t>チク</t>
    </rPh>
    <phoneticPr fontId="6"/>
  </si>
  <si>
    <t>六甲学院高等学校</t>
  </si>
  <si>
    <t>夙川高等学校</t>
  </si>
  <si>
    <t>蒼開高等学校</t>
  </si>
  <si>
    <t>兵庫県立大学附属高等学校</t>
  </si>
  <si>
    <t>姫路女学院高等学校</t>
  </si>
  <si>
    <t>４地区その他の学校</t>
  </si>
  <si>
    <t>兵庫県立芦屋国際中等教育学校</t>
    <phoneticPr fontId="1"/>
  </si>
  <si>
    <t>兵庫県立西宮苦楽園高等学校</t>
    <rPh sb="9" eb="13">
      <t>コウトウガッコウ</t>
    </rPh>
    <phoneticPr fontId="1"/>
  </si>
  <si>
    <t>兵庫県立視覚特別支援学校</t>
    <phoneticPr fontId="1"/>
  </si>
  <si>
    <t>兵庫県立北神戸総合高等学校</t>
    <rPh sb="9" eb="13">
      <t>コウトウガッコウ</t>
    </rPh>
    <phoneticPr fontId="1"/>
  </si>
  <si>
    <t>兵庫県立神戸学園都市高等学校</t>
    <phoneticPr fontId="1"/>
  </si>
  <si>
    <t>神戸常盤女子高等学校</t>
    <phoneticPr fontId="1"/>
  </si>
  <si>
    <t>神戸山手</t>
    <phoneticPr fontId="4"/>
  </si>
  <si>
    <t>神戸山手グローバル高等学校</t>
    <phoneticPr fontId="1"/>
  </si>
  <si>
    <t>六甲アイランド</t>
    <phoneticPr fontId="1"/>
  </si>
  <si>
    <t>神戸市立六甲アイランド高等学校</t>
    <phoneticPr fontId="1"/>
  </si>
  <si>
    <t>兵庫県立西脇北高等学校</t>
    <phoneticPr fontId="1"/>
  </si>
  <si>
    <t>明石市立明石商業高等学校</t>
    <phoneticPr fontId="1"/>
  </si>
  <si>
    <t>兵庫県立三木総合高等学校</t>
    <phoneticPr fontId="1"/>
  </si>
  <si>
    <t>兵庫県立和田山高等学校</t>
    <phoneticPr fontId="1"/>
  </si>
  <si>
    <t>兵庫県立播磨福崎高等学校</t>
    <phoneticPr fontId="1"/>
  </si>
  <si>
    <t>神戸市立友生支援学校</t>
    <phoneticPr fontId="1"/>
  </si>
  <si>
    <t>市立盲学校</t>
    <phoneticPr fontId="1"/>
  </si>
  <si>
    <t>神戸市立盲学校</t>
    <phoneticPr fontId="1"/>
  </si>
  <si>
    <t>神戸市立青陽須磨支援学校</t>
    <phoneticPr fontId="1"/>
  </si>
  <si>
    <t>神戸市立いぶき明生支援学校</t>
    <phoneticPr fontId="1"/>
  </si>
  <si>
    <t>姫路海稜</t>
    <rPh sb="0" eb="2">
      <t>ヒメジ</t>
    </rPh>
    <rPh sb="2" eb="3">
      <t>ウミ</t>
    </rPh>
    <rPh sb="3" eb="4">
      <t>リョウ</t>
    </rPh>
    <phoneticPr fontId="3"/>
  </si>
  <si>
    <t>姫路海稜</t>
    <phoneticPr fontId="3"/>
  </si>
  <si>
    <t>兵庫県立姫路海稜高等学校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b/>
      <sz val="9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12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b/>
      <sz val="14"/>
      <color rgb="FF0070C0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2"/>
      <color rgb="FFFF0000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u/>
      <sz val="11"/>
      <color theme="1"/>
      <name val="HG丸ｺﾞｼｯｸM-PRO"/>
      <family val="3"/>
      <charset val="128"/>
    </font>
    <font>
      <b/>
      <sz val="11"/>
      <color rgb="FFFF0000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1"/>
      <color theme="1"/>
      <name val="Meiryo UI"/>
      <family val="3"/>
      <charset val="128"/>
    </font>
    <font>
      <sz val="12"/>
      <color rgb="FFFF0000"/>
      <name val="Meiryo UI"/>
      <family val="3"/>
      <charset val="128"/>
    </font>
    <font>
      <sz val="12"/>
      <color theme="1"/>
      <name val="Meiryo UI"/>
      <family val="3"/>
      <charset val="128"/>
    </font>
    <font>
      <sz val="10"/>
      <color theme="1"/>
      <name val="Meiryo UI"/>
      <family val="3"/>
      <charset val="128"/>
    </font>
    <font>
      <b/>
      <sz val="12"/>
      <color rgb="FFFF0000"/>
      <name val="Meiryo UI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FFFF00"/>
        <bgColor indexed="64"/>
      </patternFill>
    </fill>
  </fills>
  <borders count="5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 diagonalDown="1"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auto="1"/>
      </diagonal>
    </border>
    <border diagonalUp="1">
      <left style="thin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/>
      <top style="thin">
        <color auto="1"/>
      </top>
      <bottom style="thin">
        <color auto="1"/>
      </bottom>
      <diagonal style="thin">
        <color auto="1"/>
      </diagonal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 diagonalUp="1">
      <left/>
      <right style="medium">
        <color indexed="64"/>
      </right>
      <top style="thin">
        <color auto="1"/>
      </top>
      <bottom style="thin">
        <color auto="1"/>
      </bottom>
      <diagonal style="thin">
        <color auto="1"/>
      </diagonal>
    </border>
    <border>
      <left style="dotted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mediumDashDotDot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</borders>
  <cellStyleXfs count="3">
    <xf numFmtId="0" fontId="0" fillId="0" borderId="0">
      <alignment vertical="center"/>
    </xf>
    <xf numFmtId="0" fontId="7" fillId="0" borderId="0"/>
    <xf numFmtId="0" fontId="26" fillId="0" borderId="0" applyNumberFormat="0" applyFill="0" applyBorder="0" applyAlignment="0" applyProtection="0">
      <alignment vertical="center"/>
    </xf>
  </cellStyleXfs>
  <cellXfs count="205">
    <xf numFmtId="0" fontId="0" fillId="0" borderId="0" xfId="0">
      <alignment vertical="center"/>
    </xf>
    <xf numFmtId="0" fontId="7" fillId="2" borderId="29" xfId="1" applyFill="1" applyBorder="1" applyAlignment="1">
      <alignment horizontal="center" vertical="center" shrinkToFit="1"/>
    </xf>
    <xf numFmtId="0" fontId="7" fillId="0" borderId="0" xfId="1" applyAlignment="1">
      <alignment horizontal="center" vertical="center" shrinkToFit="1"/>
    </xf>
    <xf numFmtId="0" fontId="7" fillId="2" borderId="8" xfId="1" applyFill="1" applyBorder="1" applyAlignment="1">
      <alignment shrinkToFit="1"/>
    </xf>
    <xf numFmtId="0" fontId="7" fillId="0" borderId="0" xfId="1" applyAlignment="1">
      <alignment shrinkToFit="1"/>
    </xf>
    <xf numFmtId="0" fontId="7" fillId="2" borderId="12" xfId="1" applyFill="1" applyBorder="1" applyAlignment="1">
      <alignment shrinkToFit="1"/>
    </xf>
    <xf numFmtId="0" fontId="7" fillId="2" borderId="7" xfId="1" applyFill="1" applyBorder="1" applyAlignment="1">
      <alignment shrinkToFit="1"/>
    </xf>
    <xf numFmtId="0" fontId="7" fillId="2" borderId="28" xfId="1" applyFill="1" applyBorder="1" applyAlignment="1">
      <alignment shrinkToFit="1"/>
    </xf>
    <xf numFmtId="0" fontId="7" fillId="2" borderId="23" xfId="1" applyFill="1" applyBorder="1" applyAlignment="1">
      <alignment shrinkToFit="1"/>
    </xf>
    <xf numFmtId="0" fontId="7" fillId="0" borderId="12" xfId="1" applyBorder="1" applyAlignment="1">
      <alignment shrinkToFit="1"/>
    </xf>
    <xf numFmtId="0" fontId="7" fillId="0" borderId="6" xfId="1" applyBorder="1" applyAlignment="1">
      <alignment shrinkToFit="1"/>
    </xf>
    <xf numFmtId="0" fontId="7" fillId="0" borderId="21" xfId="1" applyBorder="1" applyAlignment="1">
      <alignment shrinkToFit="1"/>
    </xf>
    <xf numFmtId="0" fontId="7" fillId="0" borderId="9" xfId="1" applyBorder="1" applyAlignment="1">
      <alignment shrinkToFit="1"/>
    </xf>
    <xf numFmtId="0" fontId="10" fillId="0" borderId="30" xfId="0" applyFont="1" applyBorder="1">
      <alignment vertical="center"/>
    </xf>
    <xf numFmtId="0" fontId="7" fillId="0" borderId="31" xfId="1" applyBorder="1" applyAlignment="1">
      <alignment horizontal="center" vertical="center" shrinkToFit="1"/>
    </xf>
    <xf numFmtId="0" fontId="4" fillId="0" borderId="14" xfId="0" applyFont="1" applyBorder="1" applyProtection="1">
      <alignment vertical="center"/>
      <protection locked="0"/>
    </xf>
    <xf numFmtId="0" fontId="6" fillId="0" borderId="19" xfId="0" applyFont="1" applyBorder="1" applyProtection="1">
      <alignment vertical="center"/>
      <protection locked="0"/>
    </xf>
    <xf numFmtId="0" fontId="6" fillId="0" borderId="21" xfId="0" applyFont="1" applyBorder="1" applyProtection="1">
      <alignment vertical="center"/>
      <protection locked="0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13" xfId="0" applyBorder="1" applyAlignment="1">
      <alignment horizontal="center" vertical="center" shrinkToFit="1"/>
    </xf>
    <xf numFmtId="0" fontId="20" fillId="0" borderId="1" xfId="0" applyFont="1" applyBorder="1" applyAlignment="1">
      <alignment horizontal="center" vertical="center" shrinkToFit="1"/>
    </xf>
    <xf numFmtId="0" fontId="4" fillId="0" borderId="14" xfId="0" applyFont="1" applyBorder="1">
      <alignment vertical="center"/>
    </xf>
    <xf numFmtId="0" fontId="13" fillId="4" borderId="0" xfId="0" applyFont="1" applyFill="1">
      <alignment vertical="center"/>
    </xf>
    <xf numFmtId="0" fontId="2" fillId="4" borderId="0" xfId="0" applyFont="1" applyFill="1">
      <alignment vertical="center"/>
    </xf>
    <xf numFmtId="0" fontId="14" fillId="4" borderId="0" xfId="0" applyFont="1" applyFill="1">
      <alignment vertical="center"/>
    </xf>
    <xf numFmtId="0" fontId="2" fillId="0" borderId="0" xfId="0" applyFont="1">
      <alignment vertical="center"/>
    </xf>
    <xf numFmtId="0" fontId="5" fillId="0" borderId="2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2" fillId="0" borderId="23" xfId="0" applyFont="1" applyBorder="1">
      <alignment vertical="center"/>
    </xf>
    <xf numFmtId="0" fontId="14" fillId="4" borderId="0" xfId="0" applyFont="1" applyFill="1" applyAlignment="1">
      <alignment vertical="center" wrapText="1"/>
    </xf>
    <xf numFmtId="0" fontId="2" fillId="0" borderId="17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" xfId="0" applyFont="1" applyBorder="1" applyAlignment="1">
      <alignment horizontal="right" vertical="center"/>
    </xf>
    <xf numFmtId="49" fontId="2" fillId="0" borderId="14" xfId="0" applyNumberFormat="1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3" xfId="0" applyFont="1" applyBorder="1">
      <alignment vertical="center"/>
    </xf>
    <xf numFmtId="0" fontId="4" fillId="0" borderId="11" xfId="0" applyFont="1" applyBorder="1">
      <alignment vertical="center"/>
    </xf>
    <xf numFmtId="0" fontId="4" fillId="0" borderId="15" xfId="0" applyFont="1" applyBorder="1">
      <alignment vertical="center"/>
    </xf>
    <xf numFmtId="0" fontId="4" fillId="0" borderId="12" xfId="0" applyFont="1" applyBorder="1" applyAlignment="1">
      <alignment horizontal="right" vertical="center"/>
    </xf>
    <xf numFmtId="0" fontId="4" fillId="0" borderId="38" xfId="0" applyFont="1" applyBorder="1">
      <alignment vertical="center"/>
    </xf>
    <xf numFmtId="0" fontId="2" fillId="0" borderId="0" xfId="0" applyFont="1" applyAlignment="1"/>
    <xf numFmtId="0" fontId="25" fillId="4" borderId="0" xfId="0" applyFont="1" applyFill="1" applyAlignment="1">
      <alignment vertical="center" wrapText="1"/>
    </xf>
    <xf numFmtId="0" fontId="15" fillId="4" borderId="0" xfId="0" applyFont="1" applyFill="1" applyAlignment="1">
      <alignment vertical="center" wrapText="1"/>
    </xf>
    <xf numFmtId="0" fontId="2" fillId="0" borderId="3" xfId="0" applyFont="1" applyBorder="1" applyAlignment="1">
      <alignment horizontal="center" vertical="center"/>
    </xf>
    <xf numFmtId="49" fontId="0" fillId="0" borderId="0" xfId="0" applyNumberFormat="1">
      <alignment vertical="center"/>
    </xf>
    <xf numFmtId="0" fontId="19" fillId="0" borderId="1" xfId="0" applyFont="1" applyBorder="1" applyAlignment="1">
      <alignment horizontal="center" vertical="center" shrinkToFit="1"/>
    </xf>
    <xf numFmtId="0" fontId="0" fillId="4" borderId="0" xfId="0" applyFill="1">
      <alignment vertical="center"/>
    </xf>
    <xf numFmtId="0" fontId="21" fillId="0" borderId="1" xfId="0" applyFont="1" applyBorder="1" applyAlignment="1">
      <alignment horizontal="center" vertical="center" shrinkToFit="1"/>
    </xf>
    <xf numFmtId="0" fontId="22" fillId="0" borderId="1" xfId="0" applyFont="1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2" fillId="0" borderId="14" xfId="0" applyFont="1" applyBorder="1" applyProtection="1">
      <alignment vertical="center"/>
      <protection locked="0"/>
    </xf>
    <xf numFmtId="0" fontId="2" fillId="0" borderId="11" xfId="0" applyFont="1" applyBorder="1" applyProtection="1">
      <alignment vertical="center"/>
      <protection locked="0"/>
    </xf>
    <xf numFmtId="0" fontId="20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28" fillId="0" borderId="0" xfId="1" applyFont="1" applyAlignment="1">
      <alignment shrinkToFit="1"/>
    </xf>
    <xf numFmtId="0" fontId="10" fillId="0" borderId="22" xfId="0" applyFont="1" applyBorder="1">
      <alignment vertical="center"/>
    </xf>
    <xf numFmtId="0" fontId="10" fillId="0" borderId="5" xfId="0" applyFont="1" applyBorder="1">
      <alignment vertical="center"/>
    </xf>
    <xf numFmtId="0" fontId="10" fillId="0" borderId="19" xfId="0" applyFont="1" applyBorder="1">
      <alignment vertical="center"/>
    </xf>
    <xf numFmtId="0" fontId="29" fillId="0" borderId="1" xfId="0" applyFont="1" applyBorder="1" applyAlignment="1">
      <alignment horizontal="center" vertical="center" wrapText="1"/>
    </xf>
    <xf numFmtId="0" fontId="30" fillId="0" borderId="1" xfId="0" applyFont="1" applyBorder="1" applyAlignment="1">
      <alignment horizontal="center" vertical="center" wrapText="1"/>
    </xf>
    <xf numFmtId="0" fontId="31" fillId="4" borderId="0" xfId="0" applyFont="1" applyFill="1">
      <alignment vertical="center"/>
    </xf>
    <xf numFmtId="0" fontId="32" fillId="0" borderId="0" xfId="0" applyFont="1">
      <alignment vertical="center"/>
    </xf>
    <xf numFmtId="0" fontId="35" fillId="0" borderId="0" xfId="0" applyFont="1">
      <alignment vertical="center"/>
    </xf>
    <xf numFmtId="0" fontId="34" fillId="0" borderId="0" xfId="0" applyFont="1">
      <alignment vertical="center"/>
    </xf>
    <xf numFmtId="0" fontId="26" fillId="0" borderId="0" xfId="2">
      <alignment vertical="center"/>
    </xf>
    <xf numFmtId="0" fontId="36" fillId="0" borderId="0" xfId="0" applyFont="1">
      <alignment vertical="center"/>
    </xf>
    <xf numFmtId="0" fontId="32" fillId="0" borderId="0" xfId="0" applyFont="1" applyAlignment="1">
      <alignment horizontal="left" vertical="center"/>
    </xf>
    <xf numFmtId="0" fontId="7" fillId="3" borderId="1" xfId="1" applyFill="1" applyBorder="1" applyAlignment="1">
      <alignment shrinkToFit="1"/>
    </xf>
    <xf numFmtId="0" fontId="7" fillId="0" borderId="1" xfId="1" applyBorder="1" applyAlignment="1">
      <alignment shrinkToFit="1"/>
    </xf>
    <xf numFmtId="0" fontId="7" fillId="4" borderId="1" xfId="1" applyFill="1" applyBorder="1" applyAlignment="1">
      <alignment shrinkToFit="1"/>
    </xf>
    <xf numFmtId="0" fontId="9" fillId="0" borderId="1" xfId="1" applyFont="1" applyBorder="1" applyAlignment="1">
      <alignment shrinkToFit="1"/>
    </xf>
    <xf numFmtId="0" fontId="7" fillId="0" borderId="1" xfId="0" applyFont="1" applyBorder="1" applyAlignment="1">
      <alignment horizontal="left" shrinkToFit="1"/>
    </xf>
    <xf numFmtId="0" fontId="7" fillId="3" borderId="49" xfId="1" applyFill="1" applyBorder="1" applyAlignment="1">
      <alignment shrinkToFit="1"/>
    </xf>
    <xf numFmtId="0" fontId="7" fillId="0" borderId="49" xfId="1" applyBorder="1" applyAlignment="1">
      <alignment shrinkToFit="1"/>
    </xf>
    <xf numFmtId="0" fontId="7" fillId="3" borderId="20" xfId="1" applyFill="1" applyBorder="1" applyAlignment="1">
      <alignment shrinkToFit="1"/>
    </xf>
    <xf numFmtId="0" fontId="7" fillId="0" borderId="20" xfId="1" applyBorder="1" applyAlignment="1">
      <alignment shrinkToFit="1"/>
    </xf>
    <xf numFmtId="0" fontId="7" fillId="3" borderId="44" xfId="1" applyFill="1" applyBorder="1" applyAlignment="1">
      <alignment horizontal="center" vertical="center" shrinkToFit="1"/>
    </xf>
    <xf numFmtId="0" fontId="7" fillId="0" borderId="44" xfId="1" applyBorder="1" applyAlignment="1">
      <alignment horizontal="center" vertical="center" shrinkToFit="1"/>
    </xf>
    <xf numFmtId="0" fontId="7" fillId="0" borderId="45" xfId="1" applyBorder="1" applyAlignment="1">
      <alignment horizontal="center" vertical="center" shrinkToFit="1"/>
    </xf>
    <xf numFmtId="0" fontId="7" fillId="3" borderId="2" xfId="1" applyFill="1" applyBorder="1" applyAlignment="1">
      <alignment shrinkToFit="1"/>
    </xf>
    <xf numFmtId="0" fontId="7" fillId="3" borderId="3" xfId="1" applyFill="1" applyBorder="1" applyAlignment="1">
      <alignment shrinkToFit="1"/>
    </xf>
    <xf numFmtId="0" fontId="7" fillId="0" borderId="3" xfId="1" applyBorder="1" applyAlignment="1">
      <alignment shrinkToFit="1"/>
    </xf>
    <xf numFmtId="0" fontId="7" fillId="0" borderId="4" xfId="1" applyBorder="1" applyAlignment="1">
      <alignment shrinkToFit="1"/>
    </xf>
    <xf numFmtId="0" fontId="7" fillId="3" borderId="5" xfId="1" applyFill="1" applyBorder="1" applyAlignment="1">
      <alignment shrinkToFit="1"/>
    </xf>
    <xf numFmtId="0" fontId="7" fillId="3" borderId="19" xfId="1" applyFill="1" applyBorder="1" applyAlignment="1">
      <alignment shrinkToFit="1"/>
    </xf>
    <xf numFmtId="0" fontId="7" fillId="3" borderId="22" xfId="1" applyFill="1" applyBorder="1" applyAlignment="1">
      <alignment shrinkToFit="1"/>
    </xf>
    <xf numFmtId="0" fontId="9" fillId="0" borderId="6" xfId="1" applyFont="1" applyBorder="1" applyAlignment="1">
      <alignment shrinkToFit="1"/>
    </xf>
    <xf numFmtId="0" fontId="7" fillId="0" borderId="6" xfId="0" applyFont="1" applyBorder="1" applyAlignment="1">
      <alignment horizontal="left" shrinkToFit="1"/>
    </xf>
    <xf numFmtId="0" fontId="7" fillId="3" borderId="50" xfId="1" applyFill="1" applyBorder="1" applyAlignment="1">
      <alignment shrinkToFit="1"/>
    </xf>
    <xf numFmtId="0" fontId="7" fillId="3" borderId="51" xfId="1" applyFill="1" applyBorder="1" applyAlignment="1">
      <alignment shrinkToFit="1"/>
    </xf>
    <xf numFmtId="0" fontId="7" fillId="0" borderId="51" xfId="1" applyBorder="1" applyAlignment="1">
      <alignment shrinkToFit="1"/>
    </xf>
    <xf numFmtId="0" fontId="7" fillId="0" borderId="52" xfId="1" applyBorder="1" applyAlignment="1">
      <alignment shrinkToFit="1"/>
    </xf>
    <xf numFmtId="0" fontId="26" fillId="0" borderId="0" xfId="2" applyProtection="1">
      <alignment vertical="center"/>
      <protection locked="0"/>
    </xf>
    <xf numFmtId="0" fontId="16" fillId="4" borderId="0" xfId="0" applyFont="1" applyFill="1" applyAlignment="1">
      <alignment horizontal="center" vertical="center"/>
    </xf>
    <xf numFmtId="49" fontId="2" fillId="0" borderId="13" xfId="0" applyNumberFormat="1" applyFont="1" applyBorder="1" applyAlignment="1" applyProtection="1">
      <alignment horizontal="left" vertical="center" indent="2" shrinkToFit="1"/>
      <protection locked="0"/>
    </xf>
    <xf numFmtId="49" fontId="2" fillId="0" borderId="14" xfId="0" applyNumberFormat="1" applyFont="1" applyBorder="1" applyAlignment="1" applyProtection="1">
      <alignment horizontal="left" vertical="center" indent="2" shrinkToFit="1"/>
      <protection locked="0"/>
    </xf>
    <xf numFmtId="49" fontId="2" fillId="0" borderId="15" xfId="0" applyNumberFormat="1" applyFont="1" applyBorder="1" applyAlignment="1" applyProtection="1">
      <alignment horizontal="left" vertical="center" indent="2" shrinkToFit="1"/>
      <protection locked="0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49" fontId="2" fillId="0" borderId="20" xfId="0" applyNumberFormat="1" applyFont="1" applyBorder="1" applyAlignment="1" applyProtection="1">
      <alignment horizontal="left" vertical="center" indent="2" shrinkToFit="1"/>
      <protection locked="0"/>
    </xf>
    <xf numFmtId="49" fontId="4" fillId="0" borderId="20" xfId="0" applyNumberFormat="1" applyFont="1" applyBorder="1" applyAlignment="1">
      <alignment horizontal="center" vertical="center" shrinkToFit="1"/>
    </xf>
    <xf numFmtId="49" fontId="2" fillId="0" borderId="20" xfId="0" applyNumberFormat="1" applyFont="1" applyBorder="1" applyAlignment="1" applyProtection="1">
      <alignment vertical="center" shrinkToFit="1"/>
      <protection locked="0"/>
    </xf>
    <xf numFmtId="49" fontId="2" fillId="0" borderId="21" xfId="0" applyNumberFormat="1" applyFont="1" applyBorder="1" applyAlignment="1" applyProtection="1">
      <alignment vertical="center" shrinkToFit="1"/>
      <protection locked="0"/>
    </xf>
    <xf numFmtId="0" fontId="2" fillId="0" borderId="5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 applyProtection="1">
      <alignment horizontal="center" vertical="center"/>
      <protection locked="0"/>
    </xf>
    <xf numFmtId="0" fontId="12" fillId="0" borderId="1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center" vertical="center"/>
    </xf>
    <xf numFmtId="0" fontId="2" fillId="0" borderId="6" xfId="0" applyFont="1" applyBorder="1" applyAlignment="1" applyProtection="1">
      <alignment horizontal="center" vertical="center"/>
      <protection locked="0"/>
    </xf>
    <xf numFmtId="0" fontId="4" fillId="0" borderId="23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 applyProtection="1">
      <alignment horizontal="center" vertical="center"/>
      <protection locked="0"/>
    </xf>
    <xf numFmtId="0" fontId="4" fillId="0" borderId="24" xfId="0" applyFont="1" applyBorder="1" applyAlignment="1" applyProtection="1">
      <alignment horizontal="center" vertical="center"/>
      <protection locked="0"/>
    </xf>
    <xf numFmtId="0" fontId="4" fillId="0" borderId="25" xfId="0" applyFont="1" applyBorder="1" applyAlignment="1" applyProtection="1">
      <alignment horizontal="center" vertical="center"/>
      <protection locked="0"/>
    </xf>
    <xf numFmtId="0" fontId="4" fillId="0" borderId="26" xfId="0" applyFont="1" applyBorder="1" applyAlignment="1">
      <alignment horizontal="left" vertical="center"/>
    </xf>
    <xf numFmtId="0" fontId="4" fillId="0" borderId="24" xfId="0" applyFont="1" applyBorder="1" applyAlignment="1">
      <alignment horizontal="left" vertical="center"/>
    </xf>
    <xf numFmtId="0" fontId="4" fillId="0" borderId="27" xfId="0" applyFont="1" applyBorder="1" applyAlignment="1">
      <alignment horizontal="left" vertical="center"/>
    </xf>
    <xf numFmtId="49" fontId="2" fillId="0" borderId="13" xfId="0" applyNumberFormat="1" applyFont="1" applyBorder="1" applyAlignment="1" applyProtection="1">
      <alignment horizontal="center" vertical="center"/>
      <protection locked="0"/>
    </xf>
    <xf numFmtId="49" fontId="2" fillId="0" borderId="14" xfId="0" applyNumberFormat="1" applyFont="1" applyBorder="1" applyAlignment="1" applyProtection="1">
      <alignment horizontal="center" vertical="center"/>
      <protection locked="0"/>
    </xf>
    <xf numFmtId="49" fontId="2" fillId="0" borderId="17" xfId="0" applyNumberFormat="1" applyFont="1" applyBorder="1" applyAlignment="1" applyProtection="1">
      <alignment horizontal="center" vertical="center"/>
      <protection locked="0"/>
    </xf>
    <xf numFmtId="49" fontId="2" fillId="0" borderId="18" xfId="0" applyNumberFormat="1" applyFont="1" applyBorder="1" applyAlignment="1" applyProtection="1">
      <alignment horizontal="center" vertical="center"/>
      <protection locked="0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49" fontId="2" fillId="0" borderId="3" xfId="0" applyNumberFormat="1" applyFont="1" applyBorder="1" applyAlignment="1" applyProtection="1">
      <alignment horizontal="left" vertical="center" indent="2" shrinkToFit="1"/>
      <protection locked="0"/>
    </xf>
    <xf numFmtId="49" fontId="2" fillId="0" borderId="4" xfId="0" applyNumberFormat="1" applyFont="1" applyBorder="1" applyAlignment="1" applyProtection="1">
      <alignment horizontal="left" vertical="center" indent="2" shrinkToFit="1"/>
      <protection locked="0"/>
    </xf>
    <xf numFmtId="0" fontId="26" fillId="0" borderId="13" xfId="2" applyBorder="1" applyAlignment="1" applyProtection="1">
      <alignment horizontal="left" vertical="center" indent="1"/>
      <protection locked="0"/>
    </xf>
    <xf numFmtId="0" fontId="0" fillId="0" borderId="14" xfId="0" applyBorder="1" applyAlignment="1" applyProtection="1">
      <alignment horizontal="left" vertical="center" indent="1"/>
      <protection locked="0"/>
    </xf>
    <xf numFmtId="0" fontId="0" fillId="0" borderId="15" xfId="0" applyBorder="1" applyAlignment="1" applyProtection="1">
      <alignment horizontal="left" vertical="center" indent="1"/>
      <protection locked="0"/>
    </xf>
    <xf numFmtId="0" fontId="4" fillId="0" borderId="5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2" fillId="0" borderId="35" xfId="0" applyFont="1" applyBorder="1" applyAlignment="1" applyProtection="1">
      <alignment horizontal="center" vertical="center"/>
      <protection locked="0"/>
    </xf>
    <xf numFmtId="0" fontId="2" fillId="0" borderId="37" xfId="0" applyFont="1" applyBorder="1" applyAlignment="1" applyProtection="1">
      <alignment horizontal="center" vertical="center"/>
      <protection locked="0"/>
    </xf>
    <xf numFmtId="0" fontId="2" fillId="0" borderId="34" xfId="0" applyFont="1" applyBorder="1" applyAlignment="1" applyProtection="1">
      <alignment horizontal="center" vertical="center"/>
      <protection locked="0"/>
    </xf>
    <xf numFmtId="0" fontId="2" fillId="0" borderId="5" xfId="0" applyFont="1" applyBorder="1" applyAlignment="1">
      <alignment horizontal="center" vertical="center"/>
    </xf>
    <xf numFmtId="49" fontId="4" fillId="0" borderId="47" xfId="0" applyNumberFormat="1" applyFont="1" applyBorder="1" applyAlignment="1">
      <alignment horizontal="center" vertical="center" shrinkToFit="1"/>
    </xf>
    <xf numFmtId="49" fontId="4" fillId="0" borderId="46" xfId="0" applyNumberFormat="1" applyFont="1" applyBorder="1" applyAlignment="1">
      <alignment horizontal="center" vertical="center" shrinkToFit="1"/>
    </xf>
    <xf numFmtId="49" fontId="2" fillId="0" borderId="15" xfId="0" applyNumberFormat="1" applyFont="1" applyBorder="1" applyAlignment="1" applyProtection="1">
      <alignment horizontal="center" vertical="center"/>
      <protection locked="0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  <xf numFmtId="49" fontId="2" fillId="0" borderId="16" xfId="0" applyNumberFormat="1" applyFont="1" applyBorder="1" applyAlignment="1" applyProtection="1">
      <alignment horizontal="center" vertical="center"/>
      <protection locked="0"/>
    </xf>
    <xf numFmtId="0" fontId="2" fillId="0" borderId="2" xfId="0" applyFont="1" applyBorder="1" applyAlignment="1">
      <alignment horizontal="right" vertical="center" indent="1"/>
    </xf>
    <xf numFmtId="0" fontId="2" fillId="0" borderId="3" xfId="0" applyFont="1" applyBorder="1" applyAlignment="1">
      <alignment horizontal="right" vertical="center" indent="1"/>
    </xf>
    <xf numFmtId="0" fontId="2" fillId="0" borderId="5" xfId="0" applyFont="1" applyBorder="1" applyAlignment="1">
      <alignment horizontal="right" vertical="center" indent="1"/>
    </xf>
    <xf numFmtId="0" fontId="2" fillId="0" borderId="1" xfId="0" applyFont="1" applyBorder="1" applyAlignment="1">
      <alignment horizontal="right" vertical="center" indent="1"/>
    </xf>
    <xf numFmtId="0" fontId="2" fillId="0" borderId="16" xfId="0" applyFont="1" applyBorder="1" applyAlignment="1" applyProtection="1">
      <alignment horizontal="center" vertical="center" shrinkToFit="1"/>
      <protection locked="0"/>
    </xf>
    <xf numFmtId="0" fontId="2" fillId="0" borderId="17" xfId="0" applyFont="1" applyBorder="1" applyAlignment="1" applyProtection="1">
      <alignment horizontal="center" vertical="center" shrinkToFit="1"/>
      <protection locked="0"/>
    </xf>
    <xf numFmtId="0" fontId="2" fillId="0" borderId="10" xfId="0" applyFont="1" applyBorder="1" applyAlignment="1" applyProtection="1">
      <alignment horizontal="center" vertical="center" shrinkToFit="1"/>
      <protection locked="0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2" fillId="0" borderId="13" xfId="0" applyFont="1" applyBorder="1" applyAlignment="1" applyProtection="1">
      <alignment horizontal="distributed" vertical="center" indent="2"/>
      <protection locked="0"/>
    </xf>
    <xf numFmtId="0" fontId="2" fillId="0" borderId="14" xfId="0" applyFont="1" applyBorder="1" applyAlignment="1" applyProtection="1">
      <alignment horizontal="distributed" vertical="center" indent="2"/>
      <protection locked="0"/>
    </xf>
    <xf numFmtId="0" fontId="4" fillId="0" borderId="2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  <xf numFmtId="0" fontId="2" fillId="0" borderId="24" xfId="0" applyFont="1" applyBorder="1" applyAlignment="1" applyProtection="1">
      <alignment horizontal="center" vertical="center"/>
      <protection locked="0"/>
    </xf>
    <xf numFmtId="0" fontId="2" fillId="0" borderId="27" xfId="0" applyFont="1" applyBorder="1" applyAlignment="1" applyProtection="1">
      <alignment horizontal="center" vertical="center"/>
      <protection locked="0"/>
    </xf>
    <xf numFmtId="49" fontId="2" fillId="0" borderId="44" xfId="0" applyNumberFormat="1" applyFont="1" applyBorder="1" applyAlignment="1" applyProtection="1">
      <alignment horizontal="left" vertical="center" indent="2" shrinkToFit="1"/>
      <protection locked="0"/>
    </xf>
    <xf numFmtId="49" fontId="2" fillId="0" borderId="45" xfId="0" applyNumberFormat="1" applyFont="1" applyBorder="1" applyAlignment="1" applyProtection="1">
      <alignment horizontal="left" vertical="center" indent="2" shrinkToFit="1"/>
      <protection locked="0"/>
    </xf>
    <xf numFmtId="49" fontId="2" fillId="0" borderId="46" xfId="0" applyNumberFormat="1" applyFont="1" applyBorder="1" applyAlignment="1" applyProtection="1">
      <alignment vertical="center" shrinkToFit="1"/>
      <protection locked="0"/>
    </xf>
    <xf numFmtId="49" fontId="2" fillId="0" borderId="48" xfId="0" applyNumberFormat="1" applyFont="1" applyBorder="1" applyAlignment="1" applyProtection="1">
      <alignment vertical="center" shrinkToFit="1"/>
      <protection locked="0"/>
    </xf>
    <xf numFmtId="0" fontId="11" fillId="0" borderId="0" xfId="0" applyFont="1" applyAlignment="1">
      <alignment horizontal="center" vertical="center"/>
    </xf>
    <xf numFmtId="49" fontId="2" fillId="0" borderId="11" xfId="0" applyNumberFormat="1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 applyProtection="1">
      <alignment horizontal="left" vertical="center" indent="1"/>
      <protection locked="0"/>
    </xf>
    <xf numFmtId="0" fontId="2" fillId="0" borderId="6" xfId="0" applyFont="1" applyBorder="1" applyAlignment="1" applyProtection="1">
      <alignment horizontal="left" vertical="center" indent="1"/>
      <protection locked="0"/>
    </xf>
    <xf numFmtId="0" fontId="3" fillId="0" borderId="13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19" fillId="0" borderId="1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/>
    </xf>
    <xf numFmtId="0" fontId="18" fillId="0" borderId="1" xfId="0" applyFont="1" applyBorder="1" applyAlignment="1">
      <alignment horizontal="center" vertical="center" shrinkToFit="1"/>
    </xf>
    <xf numFmtId="0" fontId="19" fillId="0" borderId="39" xfId="0" applyFont="1" applyBorder="1" applyAlignment="1">
      <alignment horizontal="center" vertical="center" shrinkToFit="1"/>
    </xf>
    <xf numFmtId="0" fontId="0" fillId="0" borderId="40" xfId="0" applyBorder="1" applyAlignment="1">
      <alignment horizontal="center" vertical="center" shrinkToFit="1"/>
    </xf>
    <xf numFmtId="0" fontId="0" fillId="0" borderId="41" xfId="0" applyBorder="1" applyAlignment="1">
      <alignment horizontal="center" vertical="center" shrinkToFit="1"/>
    </xf>
    <xf numFmtId="0" fontId="0" fillId="0" borderId="42" xfId="0" applyBorder="1" applyAlignment="1">
      <alignment horizontal="center" vertical="center" shrinkToFit="1"/>
    </xf>
    <xf numFmtId="0" fontId="20" fillId="0" borderId="1" xfId="0" applyFont="1" applyBorder="1" applyAlignment="1">
      <alignment horizontal="center" vertical="center" wrapText="1"/>
    </xf>
    <xf numFmtId="0" fontId="20" fillId="0" borderId="1" xfId="0" applyFont="1" applyBorder="1" applyAlignment="1">
      <alignment horizontal="center" vertical="center"/>
    </xf>
    <xf numFmtId="0" fontId="20" fillId="0" borderId="1" xfId="0" applyFont="1" applyBorder="1" applyAlignment="1">
      <alignment horizontal="center" vertical="center" shrinkToFit="1"/>
    </xf>
    <xf numFmtId="0" fontId="22" fillId="0" borderId="13" xfId="0" applyFont="1" applyBorder="1" applyAlignment="1" applyProtection="1">
      <alignment horizontal="center" vertical="center" shrinkToFit="1"/>
      <protection locked="0"/>
    </xf>
    <xf numFmtId="0" fontId="22" fillId="0" borderId="14" xfId="0" applyFont="1" applyBorder="1" applyAlignment="1" applyProtection="1">
      <alignment horizontal="center" vertical="center" shrinkToFit="1"/>
      <protection locked="0"/>
    </xf>
    <xf numFmtId="0" fontId="22" fillId="0" borderId="11" xfId="0" applyFont="1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23" fillId="0" borderId="13" xfId="0" applyFont="1" applyBorder="1" applyAlignment="1">
      <alignment horizontal="center" vertical="center" shrinkToFit="1"/>
    </xf>
    <xf numFmtId="0" fontId="23" fillId="0" borderId="14" xfId="0" applyFont="1" applyBorder="1" applyAlignment="1">
      <alignment horizontal="center" vertical="center" shrinkToFit="1"/>
    </xf>
    <xf numFmtId="0" fontId="23" fillId="0" borderId="11" xfId="0" applyFont="1" applyBorder="1" applyAlignment="1">
      <alignment horizontal="center" vertical="center" shrinkToFit="1"/>
    </xf>
    <xf numFmtId="0" fontId="0" fillId="0" borderId="14" xfId="0" applyBorder="1" applyAlignment="1">
      <alignment vertical="center" shrinkToFit="1"/>
    </xf>
    <xf numFmtId="0" fontId="0" fillId="0" borderId="11" xfId="0" applyBorder="1" applyAlignment="1">
      <alignment vertical="center" shrinkToFit="1"/>
    </xf>
    <xf numFmtId="0" fontId="23" fillId="0" borderId="41" xfId="0" applyFont="1" applyBorder="1" applyAlignment="1">
      <alignment horizontal="center" vertical="center" shrinkToFit="1"/>
    </xf>
    <xf numFmtId="0" fontId="23" fillId="0" borderId="43" xfId="0" applyFont="1" applyBorder="1" applyAlignment="1">
      <alignment horizontal="center" vertical="center" shrinkToFit="1"/>
    </xf>
    <xf numFmtId="0" fontId="23" fillId="0" borderId="42" xfId="0" applyFont="1" applyBorder="1" applyAlignment="1">
      <alignment horizontal="center" vertical="center" shrinkToFit="1"/>
    </xf>
    <xf numFmtId="0" fontId="18" fillId="0" borderId="13" xfId="0" applyFont="1" applyBorder="1" applyAlignment="1">
      <alignment horizontal="left" vertical="center" indent="1" shrinkToFit="1"/>
    </xf>
    <xf numFmtId="0" fontId="18" fillId="0" borderId="14" xfId="0" applyFont="1" applyBorder="1" applyAlignment="1">
      <alignment horizontal="left" vertical="center" indent="1" shrinkToFit="1"/>
    </xf>
    <xf numFmtId="0" fontId="18" fillId="0" borderId="11" xfId="0" applyFont="1" applyBorder="1" applyAlignment="1">
      <alignment horizontal="left" vertical="center" indent="1" shrinkToFit="1"/>
    </xf>
    <xf numFmtId="0" fontId="23" fillId="0" borderId="13" xfId="0" applyFont="1" applyBorder="1" applyAlignment="1">
      <alignment horizontal="left" vertical="center" indent="1" shrinkToFit="1"/>
    </xf>
    <xf numFmtId="0" fontId="23" fillId="0" borderId="14" xfId="0" applyFont="1" applyBorder="1" applyAlignment="1">
      <alignment horizontal="left" vertical="center" indent="1" shrinkToFit="1"/>
    </xf>
    <xf numFmtId="0" fontId="23" fillId="0" borderId="11" xfId="0" applyFont="1" applyBorder="1" applyAlignment="1">
      <alignment horizontal="left" vertical="center" indent="1" shrinkToFit="1"/>
    </xf>
    <xf numFmtId="0" fontId="23" fillId="0" borderId="13" xfId="0" applyFont="1" applyBorder="1" applyAlignment="1" applyProtection="1">
      <alignment horizontal="left" vertical="center" indent="1" shrinkToFit="1"/>
      <protection locked="0"/>
    </xf>
    <xf numFmtId="0" fontId="23" fillId="0" borderId="14" xfId="0" applyFont="1" applyBorder="1" applyAlignment="1" applyProtection="1">
      <alignment horizontal="left" vertical="center" indent="1" shrinkToFit="1"/>
      <protection locked="0"/>
    </xf>
    <xf numFmtId="0" fontId="23" fillId="0" borderId="11" xfId="0" applyFont="1" applyBorder="1" applyAlignment="1" applyProtection="1">
      <alignment horizontal="left" vertical="center" indent="1" shrinkToFit="1"/>
      <protection locked="0"/>
    </xf>
  </cellXfs>
  <cellStyles count="3">
    <cellStyle name="ハイパーリンク" xfId="2" builtinId="8"/>
    <cellStyle name="標準" xfId="0" builtinId="0"/>
    <cellStyle name="標準 2" xfId="1" xr:uid="{00000000-0005-0000-0000-000001000000}"/>
  </cellStyles>
  <dxfs count="1"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4300</xdr:colOff>
      <xdr:row>12</xdr:row>
      <xdr:rowOff>76199</xdr:rowOff>
    </xdr:from>
    <xdr:to>
      <xdr:col>8</xdr:col>
      <xdr:colOff>276225</xdr:colOff>
      <xdr:row>12</xdr:row>
      <xdr:rowOff>30480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3286125" y="4086224"/>
          <a:ext cx="504825" cy="228601"/>
        </a:xfrm>
        <a:prstGeom prst="rect">
          <a:avLst/>
        </a:prstGeom>
        <a:noFill/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800">
              <a:solidFill>
                <a:schemeClr val="tx1"/>
              </a:solidFill>
            </a:rPr>
            <a:t>校長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P2"/>
  <sheetViews>
    <sheetView workbookViewId="0">
      <pane xSplit="4" ySplit="1" topLeftCell="E2" activePane="bottomRight" state="frozen"/>
      <selection pane="topRight" activeCell="D1" sqref="D1"/>
      <selection pane="bottomLeft" activeCell="A2" sqref="A2"/>
      <selection pane="bottomRight" activeCell="AH2" sqref="AH2"/>
    </sheetView>
  </sheetViews>
  <sheetFormatPr defaultColWidth="9" defaultRowHeight="13.5" x14ac:dyDescent="0.15"/>
  <cols>
    <col min="4" max="4" width="7.125" bestFit="1" customWidth="1"/>
    <col min="5" max="5" width="9" bestFit="1" customWidth="1"/>
    <col min="6" max="6" width="13" bestFit="1" customWidth="1"/>
    <col min="7" max="7" width="12.5" bestFit="1" customWidth="1"/>
    <col min="8" max="8" width="13" bestFit="1" customWidth="1"/>
    <col min="9" max="9" width="9" bestFit="1" customWidth="1"/>
    <col min="10" max="10" width="17.375" bestFit="1" customWidth="1"/>
    <col min="12" max="12" width="13.75" bestFit="1" customWidth="1"/>
    <col min="13" max="13" width="11" bestFit="1" customWidth="1"/>
    <col min="14" max="21" width="6.25" bestFit="1" customWidth="1"/>
    <col min="23" max="23" width="10" bestFit="1" customWidth="1"/>
    <col min="24" max="24" width="19.75" bestFit="1" customWidth="1"/>
    <col min="25" max="25" width="14.125" bestFit="1" customWidth="1"/>
    <col min="26" max="26" width="19.125" bestFit="1" customWidth="1"/>
    <col min="27" max="27" width="10" bestFit="1" customWidth="1"/>
    <col min="28" max="28" width="19.75" bestFit="1" customWidth="1"/>
    <col min="29" max="29" width="14.125" bestFit="1" customWidth="1"/>
    <col min="30" max="30" width="19.125" bestFit="1" customWidth="1"/>
    <col min="31" max="31" width="10" bestFit="1" customWidth="1"/>
    <col min="32" max="32" width="19.75" bestFit="1" customWidth="1"/>
    <col min="33" max="33" width="14.125" bestFit="1" customWidth="1"/>
    <col min="34" max="34" width="19.125" bestFit="1" customWidth="1"/>
    <col min="35" max="35" width="10" bestFit="1" customWidth="1"/>
    <col min="36" max="36" width="19.75" bestFit="1" customWidth="1"/>
    <col min="37" max="37" width="14.125" bestFit="1" customWidth="1"/>
    <col min="38" max="38" width="19.125" bestFit="1" customWidth="1"/>
    <col min="39" max="39" width="10" bestFit="1" customWidth="1"/>
    <col min="40" max="40" width="19.75" bestFit="1" customWidth="1"/>
    <col min="41" max="41" width="14.125" bestFit="1" customWidth="1"/>
    <col min="42" max="42" width="19.125" bestFit="1" customWidth="1"/>
  </cols>
  <sheetData>
    <row r="1" spans="1:42" x14ac:dyDescent="0.15">
      <c r="A1" t="s">
        <v>690</v>
      </c>
      <c r="B1" t="s">
        <v>2</v>
      </c>
      <c r="C1" t="s">
        <v>3</v>
      </c>
      <c r="D1" t="s">
        <v>397</v>
      </c>
      <c r="E1" t="s">
        <v>0</v>
      </c>
      <c r="F1" t="s">
        <v>427</v>
      </c>
      <c r="G1" t="s">
        <v>428</v>
      </c>
      <c r="H1" t="s">
        <v>429</v>
      </c>
      <c r="I1" t="s">
        <v>430</v>
      </c>
      <c r="J1" t="s">
        <v>431</v>
      </c>
      <c r="K1" t="s">
        <v>432</v>
      </c>
      <c r="L1" t="s">
        <v>1</v>
      </c>
      <c r="M1" t="s">
        <v>433</v>
      </c>
      <c r="N1" t="s">
        <v>434</v>
      </c>
      <c r="O1" t="s">
        <v>435</v>
      </c>
      <c r="P1" t="s">
        <v>436</v>
      </c>
      <c r="Q1" t="s">
        <v>437</v>
      </c>
      <c r="R1" t="s">
        <v>438</v>
      </c>
      <c r="S1" t="s">
        <v>439</v>
      </c>
      <c r="T1" t="s">
        <v>440</v>
      </c>
      <c r="U1" t="s">
        <v>441</v>
      </c>
      <c r="V1" t="s">
        <v>442</v>
      </c>
      <c r="W1" t="s">
        <v>443</v>
      </c>
      <c r="X1" t="s">
        <v>445</v>
      </c>
      <c r="Y1" t="s">
        <v>444</v>
      </c>
      <c r="Z1" t="s">
        <v>446</v>
      </c>
      <c r="AA1" t="s">
        <v>447</v>
      </c>
      <c r="AB1" t="s">
        <v>449</v>
      </c>
      <c r="AC1" t="s">
        <v>448</v>
      </c>
      <c r="AD1" t="s">
        <v>450</v>
      </c>
      <c r="AE1" t="s">
        <v>451</v>
      </c>
      <c r="AF1" t="s">
        <v>453</v>
      </c>
      <c r="AG1" t="s">
        <v>452</v>
      </c>
      <c r="AH1" t="s">
        <v>454</v>
      </c>
      <c r="AI1" t="s">
        <v>455</v>
      </c>
      <c r="AJ1" t="s">
        <v>457</v>
      </c>
      <c r="AK1" t="s">
        <v>456</v>
      </c>
      <c r="AL1" t="s">
        <v>458</v>
      </c>
      <c r="AM1" t="s">
        <v>459</v>
      </c>
      <c r="AN1" t="s">
        <v>461</v>
      </c>
      <c r="AO1" t="s">
        <v>460</v>
      </c>
      <c r="AP1" t="s">
        <v>462</v>
      </c>
    </row>
    <row r="2" spans="1:42" x14ac:dyDescent="0.15">
      <c r="B2">
        <f>放送部登録票!A8</f>
        <v>0</v>
      </c>
      <c r="C2">
        <f>放送部登録票!B8</f>
        <v>0</v>
      </c>
      <c r="D2" t="str">
        <f>放送部登録票!C12</f>
        <v/>
      </c>
      <c r="E2">
        <f>放送部登録票!C13</f>
        <v>0</v>
      </c>
      <c r="F2" t="str">
        <f>放送部登録票!L12&amp;放送部登録票!N12&amp;放送部登録票!O12&amp;放送部登録票!Q12&amp;放送部登録票!R12</f>
        <v>－－</v>
      </c>
      <c r="G2" t="str">
        <f>放送部登録票!L13&amp;放送部登録票!N13&amp;放送部登録票!O13&amp;放送部登録票!Q13&amp;放送部登録票!R13</f>
        <v>－－</v>
      </c>
      <c r="H2" t="str">
        <f>放送部登録票!E14&amp;放送部登録票!G14&amp;放送部登録票!H14</f>
        <v>－</v>
      </c>
      <c r="I2">
        <f>放送部登録票!D15</f>
        <v>0</v>
      </c>
      <c r="J2">
        <f>放送部登録票!D16</f>
        <v>0</v>
      </c>
      <c r="K2" t="str">
        <f>放送部登録票!J17&amp;放送部登録票!L17&amp;放送部登録票!N17&amp;放送部登録票!P17&amp;放送部登録票!R17</f>
        <v/>
      </c>
      <c r="L2">
        <f>IF(放送部登録票!D18="その他",放送部登録票!N18,放送部登録票!D18)</f>
        <v>0</v>
      </c>
      <c r="M2" t="str">
        <f>放送部登録票!B20</f>
        <v/>
      </c>
      <c r="N2">
        <f>放送部登録票!F19</f>
        <v>0</v>
      </c>
      <c r="O2">
        <f>放送部登録票!F20</f>
        <v>0</v>
      </c>
      <c r="P2">
        <f>放送部登録票!J19</f>
        <v>0</v>
      </c>
      <c r="Q2">
        <f>放送部登録票!J20</f>
        <v>0</v>
      </c>
      <c r="R2">
        <f>放送部登録票!N19</f>
        <v>0</v>
      </c>
      <c r="S2">
        <f>放送部登録票!N20</f>
        <v>0</v>
      </c>
      <c r="T2">
        <f>放送部登録票!R19</f>
        <v>0</v>
      </c>
      <c r="U2">
        <f>放送部登録票!R20</f>
        <v>0</v>
      </c>
      <c r="V2">
        <f>放送部登録票!J21</f>
        <v>0</v>
      </c>
      <c r="W2" s="46" t="str">
        <f>IF(放送部登録票!$D24="","",放送部登録票!$D24)</f>
        <v/>
      </c>
      <c r="X2" s="46" t="str">
        <f>IF(放送部登録票!$D25="","",放送部登録票!$D25)</f>
        <v/>
      </c>
      <c r="Y2" s="46" t="str">
        <f>IF(放送部登録票!$D26="","",放送部登録票!$D26)</f>
        <v/>
      </c>
      <c r="Z2" s="46" t="str">
        <f>IF(放送部登録票!$N26="","",放送部登録票!$N26)</f>
        <v/>
      </c>
      <c r="AA2" s="46" t="str">
        <f>IF(放送部登録票!$D27="","",放送部登録票!$D27)</f>
        <v/>
      </c>
      <c r="AB2" s="46" t="str">
        <f>IF(放送部登録票!$D28="","",放送部登録票!$D28)</f>
        <v/>
      </c>
      <c r="AC2" s="46" t="str">
        <f>IF(放送部登録票!$D29="","",放送部登録票!$D29)</f>
        <v/>
      </c>
      <c r="AD2" s="46" t="str">
        <f>IF(放送部登録票!$N29="","",放送部登録票!$N29)</f>
        <v/>
      </c>
      <c r="AE2" s="46" t="str">
        <f>IF(放送部登録票!$D30="","",放送部登録票!$D30)</f>
        <v/>
      </c>
      <c r="AF2" s="46" t="str">
        <f>IF(放送部登録票!$D31="","",放送部登録票!$D31)</f>
        <v/>
      </c>
      <c r="AG2" s="46" t="str">
        <f>IF(放送部登録票!$D32="","",放送部登録票!$D32)</f>
        <v/>
      </c>
      <c r="AH2" s="46" t="str">
        <f>IF(放送部登録票!$N32="","",放送部登録票!$N32)</f>
        <v/>
      </c>
      <c r="AI2" s="46" t="str">
        <f>IF(放送部登録票!$D33="","",放送部登録票!$D33)</f>
        <v/>
      </c>
      <c r="AJ2" s="46" t="str">
        <f>IF(放送部登録票!$D34="","",放送部登録票!$D34)</f>
        <v/>
      </c>
      <c r="AK2" s="46" t="str">
        <f>IF(放送部登録票!$D35="","",放送部登録票!$D35)</f>
        <v/>
      </c>
      <c r="AL2" s="46" t="str">
        <f>IF(放送部登録票!$N35="","",放送部登録票!$N35)</f>
        <v/>
      </c>
      <c r="AM2" s="46" t="str">
        <f>IF(放送部登録票!$D36="","",放送部登録票!$D36)</f>
        <v/>
      </c>
      <c r="AN2" s="46" t="str">
        <f>IF(放送部登録票!$D37="","",放送部登録票!$D37)</f>
        <v/>
      </c>
      <c r="AO2" s="46" t="str">
        <f>IF(放送部登録票!$D38="","",放送部登録票!$D38)</f>
        <v/>
      </c>
      <c r="AP2" s="46" t="str">
        <f>IF(放送部登録票!$N38="","",放送部登録票!$N38)</f>
        <v/>
      </c>
    </row>
  </sheetData>
  <phoneticPr fontId="1"/>
  <pageMargins left="0.7" right="0.7" top="0.75" bottom="0.75" header="0.3" footer="0.3"/>
  <pageSetup paperSize="9" orientation="portrait" horizontalDpi="4294967294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F256"/>
  <sheetViews>
    <sheetView topLeftCell="A208" zoomScale="85" zoomScaleNormal="85" workbookViewId="0">
      <selection activeCell="D241" sqref="D241"/>
    </sheetView>
  </sheetViews>
  <sheetFormatPr defaultRowHeight="13.5" x14ac:dyDescent="0.15"/>
  <cols>
    <col min="2" max="2" width="17.125" bestFit="1" customWidth="1"/>
    <col min="3" max="3" width="35.875" bestFit="1" customWidth="1"/>
    <col min="4" max="4" width="37.25" customWidth="1"/>
    <col min="5" max="5" width="6.5" bestFit="1" customWidth="1"/>
    <col min="6" max="6" width="35.875" bestFit="1" customWidth="1"/>
    <col min="7" max="7" width="21.375" bestFit="1" customWidth="1"/>
  </cols>
  <sheetData>
    <row r="1" spans="1:4" x14ac:dyDescent="0.15">
      <c r="A1" t="s">
        <v>4</v>
      </c>
      <c r="B1" t="s">
        <v>5</v>
      </c>
      <c r="C1" t="s">
        <v>6</v>
      </c>
    </row>
    <row r="2" spans="1:4" x14ac:dyDescent="0.15">
      <c r="A2">
        <v>1</v>
      </c>
      <c r="B2">
        <v>1001</v>
      </c>
      <c r="C2" t="s">
        <v>477</v>
      </c>
      <c r="D2" t="s">
        <v>8</v>
      </c>
    </row>
    <row r="3" spans="1:4" x14ac:dyDescent="0.15">
      <c r="A3">
        <v>1</v>
      </c>
      <c r="B3">
        <v>1002</v>
      </c>
      <c r="C3" t="s">
        <v>478</v>
      </c>
      <c r="D3" t="s">
        <v>10</v>
      </c>
    </row>
    <row r="4" spans="1:4" x14ac:dyDescent="0.15">
      <c r="A4">
        <v>1</v>
      </c>
      <c r="B4">
        <v>1003</v>
      </c>
      <c r="C4" t="s">
        <v>479</v>
      </c>
      <c r="D4" t="s">
        <v>736</v>
      </c>
    </row>
    <row r="5" spans="1:4" x14ac:dyDescent="0.15">
      <c r="A5">
        <v>1</v>
      </c>
      <c r="B5">
        <v>1004</v>
      </c>
      <c r="C5" t="s">
        <v>480</v>
      </c>
      <c r="D5" t="s">
        <v>13</v>
      </c>
    </row>
    <row r="6" spans="1:4" x14ac:dyDescent="0.15">
      <c r="A6">
        <v>1</v>
      </c>
      <c r="B6">
        <v>1005</v>
      </c>
      <c r="C6" t="s">
        <v>481</v>
      </c>
      <c r="D6" t="s">
        <v>15</v>
      </c>
    </row>
    <row r="7" spans="1:4" x14ac:dyDescent="0.15">
      <c r="A7">
        <v>1</v>
      </c>
      <c r="B7">
        <v>1006</v>
      </c>
      <c r="C7" t="s">
        <v>482</v>
      </c>
      <c r="D7" t="s">
        <v>737</v>
      </c>
    </row>
    <row r="8" spans="1:4" x14ac:dyDescent="0.15">
      <c r="A8">
        <v>1</v>
      </c>
      <c r="B8">
        <v>1007</v>
      </c>
      <c r="C8" t="s">
        <v>483</v>
      </c>
      <c r="D8" t="s">
        <v>18</v>
      </c>
    </row>
    <row r="9" spans="1:4" x14ac:dyDescent="0.15">
      <c r="A9">
        <v>1</v>
      </c>
      <c r="B9">
        <v>1008</v>
      </c>
      <c r="C9" t="s">
        <v>484</v>
      </c>
      <c r="D9" t="s">
        <v>20</v>
      </c>
    </row>
    <row r="10" spans="1:4" x14ac:dyDescent="0.15">
      <c r="A10">
        <v>1</v>
      </c>
      <c r="B10">
        <v>1009</v>
      </c>
      <c r="C10" t="s">
        <v>485</v>
      </c>
      <c r="D10" t="s">
        <v>22</v>
      </c>
    </row>
    <row r="11" spans="1:4" x14ac:dyDescent="0.15">
      <c r="A11">
        <v>1</v>
      </c>
      <c r="B11">
        <v>1010</v>
      </c>
      <c r="C11" t="s">
        <v>486</v>
      </c>
      <c r="D11" t="s">
        <v>24</v>
      </c>
    </row>
    <row r="12" spans="1:4" x14ac:dyDescent="0.15">
      <c r="A12">
        <v>1</v>
      </c>
      <c r="B12">
        <v>1011</v>
      </c>
      <c r="C12" t="s">
        <v>487</v>
      </c>
      <c r="D12" t="s">
        <v>26</v>
      </c>
    </row>
    <row r="13" spans="1:4" x14ac:dyDescent="0.15">
      <c r="A13">
        <v>1</v>
      </c>
      <c r="B13">
        <v>1012</v>
      </c>
      <c r="C13" t="s">
        <v>488</v>
      </c>
      <c r="D13" t="s">
        <v>28</v>
      </c>
    </row>
    <row r="14" spans="1:4" x14ac:dyDescent="0.15">
      <c r="A14">
        <v>1</v>
      </c>
      <c r="B14">
        <v>1013</v>
      </c>
      <c r="C14" t="s">
        <v>489</v>
      </c>
      <c r="D14" t="s">
        <v>738</v>
      </c>
    </row>
    <row r="15" spans="1:4" x14ac:dyDescent="0.15">
      <c r="A15">
        <v>1</v>
      </c>
      <c r="B15">
        <v>1014</v>
      </c>
      <c r="C15" t="s">
        <v>490</v>
      </c>
      <c r="D15" t="s">
        <v>31</v>
      </c>
    </row>
    <row r="16" spans="1:4" x14ac:dyDescent="0.15">
      <c r="A16">
        <v>1</v>
      </c>
      <c r="B16">
        <v>1015</v>
      </c>
      <c r="C16" t="s">
        <v>491</v>
      </c>
      <c r="D16" t="s">
        <v>33</v>
      </c>
    </row>
    <row r="17" spans="1:4" x14ac:dyDescent="0.15">
      <c r="A17">
        <v>1</v>
      </c>
      <c r="B17">
        <v>1016</v>
      </c>
      <c r="C17" t="s">
        <v>492</v>
      </c>
      <c r="D17" t="s">
        <v>35</v>
      </c>
    </row>
    <row r="18" spans="1:4" x14ac:dyDescent="0.15">
      <c r="A18">
        <v>1</v>
      </c>
      <c r="B18">
        <v>1017</v>
      </c>
      <c r="C18" t="s">
        <v>493</v>
      </c>
      <c r="D18" t="s">
        <v>37</v>
      </c>
    </row>
    <row r="19" spans="1:4" x14ac:dyDescent="0.15">
      <c r="A19">
        <v>1</v>
      </c>
      <c r="B19">
        <v>1018</v>
      </c>
      <c r="C19" t="s">
        <v>494</v>
      </c>
      <c r="D19" t="s">
        <v>739</v>
      </c>
    </row>
    <row r="20" spans="1:4" x14ac:dyDescent="0.15">
      <c r="A20">
        <v>1</v>
      </c>
      <c r="B20">
        <v>1019</v>
      </c>
      <c r="C20" t="s">
        <v>495</v>
      </c>
      <c r="D20" t="s">
        <v>40</v>
      </c>
    </row>
    <row r="21" spans="1:4" x14ac:dyDescent="0.15">
      <c r="A21">
        <v>1</v>
      </c>
      <c r="B21">
        <v>1020</v>
      </c>
      <c r="C21" t="s">
        <v>496</v>
      </c>
      <c r="D21" t="s">
        <v>42</v>
      </c>
    </row>
    <row r="22" spans="1:4" x14ac:dyDescent="0.15">
      <c r="A22">
        <v>1</v>
      </c>
      <c r="B22">
        <v>1021</v>
      </c>
      <c r="C22" t="s">
        <v>497</v>
      </c>
      <c r="D22" t="s">
        <v>44</v>
      </c>
    </row>
    <row r="23" spans="1:4" x14ac:dyDescent="0.15">
      <c r="A23">
        <v>1</v>
      </c>
      <c r="B23">
        <v>1022</v>
      </c>
      <c r="C23" t="s">
        <v>498</v>
      </c>
      <c r="D23" t="s">
        <v>46</v>
      </c>
    </row>
    <row r="24" spans="1:4" x14ac:dyDescent="0.15">
      <c r="A24">
        <v>1</v>
      </c>
      <c r="B24">
        <v>1023</v>
      </c>
      <c r="C24" t="s">
        <v>499</v>
      </c>
      <c r="D24" t="s">
        <v>48</v>
      </c>
    </row>
    <row r="25" spans="1:4" x14ac:dyDescent="0.15">
      <c r="A25">
        <v>1</v>
      </c>
      <c r="B25">
        <v>1024</v>
      </c>
      <c r="C25" t="s">
        <v>500</v>
      </c>
      <c r="D25" t="s">
        <v>50</v>
      </c>
    </row>
    <row r="26" spans="1:4" x14ac:dyDescent="0.15">
      <c r="A26">
        <v>1</v>
      </c>
      <c r="B26">
        <v>1025</v>
      </c>
      <c r="C26" t="s">
        <v>501</v>
      </c>
      <c r="D26" t="s">
        <v>52</v>
      </c>
    </row>
    <row r="27" spans="1:4" x14ac:dyDescent="0.15">
      <c r="A27">
        <v>1</v>
      </c>
      <c r="B27">
        <v>1026</v>
      </c>
      <c r="C27" t="s">
        <v>502</v>
      </c>
      <c r="D27" t="s">
        <v>54</v>
      </c>
    </row>
    <row r="28" spans="1:4" x14ac:dyDescent="0.15">
      <c r="A28">
        <v>1</v>
      </c>
      <c r="B28">
        <v>1027</v>
      </c>
      <c r="C28" t="s">
        <v>503</v>
      </c>
      <c r="D28" t="s">
        <v>56</v>
      </c>
    </row>
    <row r="29" spans="1:4" x14ac:dyDescent="0.15">
      <c r="A29">
        <v>1</v>
      </c>
      <c r="B29">
        <v>1028</v>
      </c>
      <c r="C29" t="s">
        <v>504</v>
      </c>
      <c r="D29" t="s">
        <v>58</v>
      </c>
    </row>
    <row r="30" spans="1:4" x14ac:dyDescent="0.15">
      <c r="A30">
        <v>1</v>
      </c>
      <c r="B30">
        <v>1029</v>
      </c>
      <c r="C30" t="s">
        <v>505</v>
      </c>
      <c r="D30" t="s">
        <v>60</v>
      </c>
    </row>
    <row r="31" spans="1:4" x14ac:dyDescent="0.15">
      <c r="A31">
        <v>1</v>
      </c>
      <c r="B31">
        <v>1030</v>
      </c>
      <c r="C31" t="s">
        <v>465</v>
      </c>
      <c r="D31" t="s">
        <v>62</v>
      </c>
    </row>
    <row r="32" spans="1:4" x14ac:dyDescent="0.15">
      <c r="A32">
        <v>1</v>
      </c>
      <c r="B32">
        <v>1031</v>
      </c>
      <c r="C32" t="s">
        <v>466</v>
      </c>
      <c r="D32" t="s">
        <v>63</v>
      </c>
    </row>
    <row r="33" spans="1:4" x14ac:dyDescent="0.15">
      <c r="A33">
        <v>1</v>
      </c>
      <c r="B33">
        <v>1032</v>
      </c>
      <c r="C33" t="s">
        <v>506</v>
      </c>
      <c r="D33" t="s">
        <v>65</v>
      </c>
    </row>
    <row r="34" spans="1:4" x14ac:dyDescent="0.15">
      <c r="A34">
        <v>1</v>
      </c>
      <c r="B34">
        <v>1033</v>
      </c>
      <c r="C34" t="s">
        <v>507</v>
      </c>
      <c r="D34" t="s">
        <v>67</v>
      </c>
    </row>
    <row r="35" spans="1:4" x14ac:dyDescent="0.15">
      <c r="A35">
        <v>1</v>
      </c>
      <c r="B35">
        <v>1034</v>
      </c>
      <c r="C35" t="s">
        <v>508</v>
      </c>
      <c r="D35" t="s">
        <v>69</v>
      </c>
    </row>
    <row r="36" spans="1:4" x14ac:dyDescent="0.15">
      <c r="A36">
        <v>1</v>
      </c>
      <c r="B36">
        <v>1035</v>
      </c>
      <c r="C36" t="s">
        <v>509</v>
      </c>
      <c r="D36" t="s">
        <v>71</v>
      </c>
    </row>
    <row r="37" spans="1:4" x14ac:dyDescent="0.15">
      <c r="A37">
        <v>1</v>
      </c>
      <c r="B37">
        <v>1036</v>
      </c>
      <c r="C37" t="s">
        <v>510</v>
      </c>
    </row>
    <row r="38" spans="1:4" x14ac:dyDescent="0.15">
      <c r="A38">
        <v>1</v>
      </c>
      <c r="B38">
        <v>1037</v>
      </c>
      <c r="C38" t="s">
        <v>511</v>
      </c>
      <c r="D38" t="s">
        <v>74</v>
      </c>
    </row>
    <row r="39" spans="1:4" x14ac:dyDescent="0.15">
      <c r="A39">
        <v>1</v>
      </c>
      <c r="B39">
        <v>1038</v>
      </c>
      <c r="C39" t="s">
        <v>512</v>
      </c>
      <c r="D39" t="s">
        <v>740</v>
      </c>
    </row>
    <row r="40" spans="1:4" x14ac:dyDescent="0.15">
      <c r="A40">
        <v>1</v>
      </c>
      <c r="B40">
        <v>1039</v>
      </c>
      <c r="C40" t="s">
        <v>513</v>
      </c>
      <c r="D40" t="s">
        <v>77</v>
      </c>
    </row>
    <row r="41" spans="1:4" x14ac:dyDescent="0.15">
      <c r="A41">
        <v>1</v>
      </c>
      <c r="B41">
        <v>1040</v>
      </c>
      <c r="C41" t="s">
        <v>510</v>
      </c>
    </row>
    <row r="42" spans="1:4" x14ac:dyDescent="0.15">
      <c r="A42">
        <v>1</v>
      </c>
      <c r="B42">
        <v>1041</v>
      </c>
      <c r="C42" t="s">
        <v>510</v>
      </c>
    </row>
    <row r="43" spans="1:4" x14ac:dyDescent="0.15">
      <c r="A43">
        <v>1</v>
      </c>
      <c r="B43">
        <v>1042</v>
      </c>
      <c r="C43" t="s">
        <v>510</v>
      </c>
    </row>
    <row r="44" spans="1:4" x14ac:dyDescent="0.15">
      <c r="A44">
        <v>1</v>
      </c>
      <c r="B44">
        <v>1044</v>
      </c>
      <c r="C44" t="s">
        <v>514</v>
      </c>
      <c r="D44" t="s">
        <v>741</v>
      </c>
    </row>
    <row r="45" spans="1:4" x14ac:dyDescent="0.15">
      <c r="A45">
        <v>1</v>
      </c>
      <c r="B45">
        <v>1045</v>
      </c>
      <c r="C45" t="s">
        <v>515</v>
      </c>
      <c r="D45" t="s">
        <v>742</v>
      </c>
    </row>
    <row r="46" spans="1:4" x14ac:dyDescent="0.15">
      <c r="A46">
        <v>1</v>
      </c>
      <c r="B46">
        <v>1046</v>
      </c>
      <c r="C46" t="s">
        <v>510</v>
      </c>
    </row>
    <row r="47" spans="1:4" x14ac:dyDescent="0.15">
      <c r="A47">
        <v>1</v>
      </c>
      <c r="B47">
        <v>1047</v>
      </c>
      <c r="C47" t="s">
        <v>516</v>
      </c>
      <c r="D47" t="s">
        <v>743</v>
      </c>
    </row>
    <row r="48" spans="1:4" x14ac:dyDescent="0.15">
      <c r="A48">
        <v>1</v>
      </c>
      <c r="B48">
        <v>1048</v>
      </c>
      <c r="C48" t="s">
        <v>517</v>
      </c>
      <c r="D48" t="s">
        <v>708</v>
      </c>
    </row>
    <row r="49" spans="1:4" x14ac:dyDescent="0.15">
      <c r="A49">
        <v>1</v>
      </c>
      <c r="B49">
        <v>1049</v>
      </c>
      <c r="C49" t="s">
        <v>518</v>
      </c>
      <c r="D49" t="s">
        <v>744</v>
      </c>
    </row>
    <row r="50" spans="1:4" x14ac:dyDescent="0.15">
      <c r="A50">
        <v>1</v>
      </c>
      <c r="B50">
        <v>1050</v>
      </c>
      <c r="C50" t="s">
        <v>519</v>
      </c>
      <c r="D50" t="s">
        <v>745</v>
      </c>
    </row>
    <row r="51" spans="1:4" x14ac:dyDescent="0.15">
      <c r="A51">
        <v>1</v>
      </c>
      <c r="B51">
        <v>1051</v>
      </c>
      <c r="C51" t="s">
        <v>520</v>
      </c>
      <c r="D51" t="s">
        <v>746</v>
      </c>
    </row>
    <row r="52" spans="1:4" x14ac:dyDescent="0.15">
      <c r="A52">
        <v>1</v>
      </c>
      <c r="B52">
        <v>1052</v>
      </c>
      <c r="C52" t="s">
        <v>510</v>
      </c>
    </row>
    <row r="53" spans="1:4" x14ac:dyDescent="0.15">
      <c r="A53">
        <v>1</v>
      </c>
      <c r="B53">
        <v>1053</v>
      </c>
      <c r="C53" t="s">
        <v>510</v>
      </c>
    </row>
    <row r="54" spans="1:4" x14ac:dyDescent="0.15">
      <c r="A54">
        <v>1</v>
      </c>
      <c r="B54">
        <v>1054</v>
      </c>
      <c r="C54" t="s">
        <v>815</v>
      </c>
      <c r="D54" t="s">
        <v>747</v>
      </c>
    </row>
    <row r="55" spans="1:4" x14ac:dyDescent="0.15">
      <c r="A55">
        <v>1</v>
      </c>
      <c r="B55">
        <v>1055</v>
      </c>
      <c r="C55" t="s">
        <v>521</v>
      </c>
      <c r="D55" t="s">
        <v>748</v>
      </c>
    </row>
    <row r="56" spans="1:4" x14ac:dyDescent="0.15">
      <c r="A56">
        <v>1</v>
      </c>
      <c r="B56">
        <v>1056</v>
      </c>
      <c r="C56" t="s">
        <v>522</v>
      </c>
      <c r="D56" t="s">
        <v>749</v>
      </c>
    </row>
    <row r="57" spans="1:4" x14ac:dyDescent="0.15">
      <c r="A57">
        <v>1</v>
      </c>
      <c r="B57">
        <v>1057</v>
      </c>
      <c r="C57" t="s">
        <v>816</v>
      </c>
      <c r="D57" t="s">
        <v>750</v>
      </c>
    </row>
    <row r="58" spans="1:4" x14ac:dyDescent="0.15">
      <c r="A58">
        <v>1</v>
      </c>
      <c r="B58">
        <v>1101</v>
      </c>
      <c r="C58" t="s">
        <v>523</v>
      </c>
      <c r="D58" t="s">
        <v>94</v>
      </c>
    </row>
    <row r="59" spans="1:4" x14ac:dyDescent="0.15">
      <c r="A59">
        <v>1</v>
      </c>
      <c r="B59">
        <v>1102</v>
      </c>
      <c r="C59" t="s">
        <v>524</v>
      </c>
      <c r="D59" t="s">
        <v>96</v>
      </c>
    </row>
    <row r="60" spans="1:4" x14ac:dyDescent="0.15">
      <c r="A60">
        <v>1</v>
      </c>
      <c r="B60">
        <v>1103</v>
      </c>
      <c r="C60" t="s">
        <v>525</v>
      </c>
      <c r="D60" t="s">
        <v>98</v>
      </c>
    </row>
    <row r="61" spans="1:4" x14ac:dyDescent="0.15">
      <c r="A61">
        <v>1</v>
      </c>
      <c r="B61">
        <v>1104</v>
      </c>
      <c r="C61" t="s">
        <v>526</v>
      </c>
      <c r="D61" t="s">
        <v>100</v>
      </c>
    </row>
    <row r="62" spans="1:4" x14ac:dyDescent="0.15">
      <c r="A62">
        <v>1</v>
      </c>
      <c r="B62">
        <v>1105</v>
      </c>
      <c r="C62" t="s">
        <v>527</v>
      </c>
      <c r="D62" t="s">
        <v>751</v>
      </c>
    </row>
    <row r="63" spans="1:4" x14ac:dyDescent="0.15">
      <c r="A63">
        <v>1</v>
      </c>
      <c r="B63">
        <v>1106</v>
      </c>
      <c r="C63" t="s">
        <v>528</v>
      </c>
      <c r="D63" t="s">
        <v>103</v>
      </c>
    </row>
    <row r="64" spans="1:4" x14ac:dyDescent="0.15">
      <c r="A64">
        <v>1</v>
      </c>
      <c r="B64">
        <v>1107</v>
      </c>
      <c r="C64" t="s">
        <v>529</v>
      </c>
      <c r="D64" t="s">
        <v>105</v>
      </c>
    </row>
    <row r="65" spans="1:4" x14ac:dyDescent="0.15">
      <c r="A65">
        <v>1</v>
      </c>
      <c r="B65">
        <v>1108</v>
      </c>
      <c r="C65" t="s">
        <v>530</v>
      </c>
      <c r="D65" t="s">
        <v>752</v>
      </c>
    </row>
    <row r="66" spans="1:4" x14ac:dyDescent="0.15">
      <c r="A66">
        <v>1</v>
      </c>
      <c r="B66">
        <v>1109</v>
      </c>
      <c r="C66" t="s">
        <v>463</v>
      </c>
      <c r="D66" t="s">
        <v>108</v>
      </c>
    </row>
    <row r="67" spans="1:4" x14ac:dyDescent="0.15">
      <c r="A67">
        <v>1</v>
      </c>
      <c r="B67">
        <v>1110</v>
      </c>
      <c r="C67" t="s">
        <v>531</v>
      </c>
      <c r="D67" t="s">
        <v>110</v>
      </c>
    </row>
    <row r="68" spans="1:4" x14ac:dyDescent="0.15">
      <c r="A68">
        <v>1</v>
      </c>
      <c r="B68">
        <v>1111</v>
      </c>
      <c r="C68" t="s">
        <v>532</v>
      </c>
      <c r="D68" t="s">
        <v>112</v>
      </c>
    </row>
    <row r="69" spans="1:4" x14ac:dyDescent="0.15">
      <c r="A69">
        <v>1</v>
      </c>
      <c r="B69">
        <v>1112</v>
      </c>
      <c r="C69" t="s">
        <v>533</v>
      </c>
      <c r="D69" t="s">
        <v>114</v>
      </c>
    </row>
    <row r="70" spans="1:4" x14ac:dyDescent="0.15">
      <c r="A70">
        <v>1</v>
      </c>
      <c r="B70">
        <v>1113</v>
      </c>
      <c r="C70" t="s">
        <v>464</v>
      </c>
      <c r="D70" t="s">
        <v>116</v>
      </c>
    </row>
    <row r="71" spans="1:4" x14ac:dyDescent="0.15">
      <c r="A71">
        <v>1</v>
      </c>
      <c r="B71">
        <v>1114</v>
      </c>
      <c r="C71" t="s">
        <v>534</v>
      </c>
      <c r="D71" t="s">
        <v>753</v>
      </c>
    </row>
    <row r="72" spans="1:4" x14ac:dyDescent="0.15">
      <c r="A72">
        <v>1</v>
      </c>
      <c r="B72">
        <v>1115</v>
      </c>
      <c r="C72" t="s">
        <v>535</v>
      </c>
      <c r="D72" t="s">
        <v>119</v>
      </c>
    </row>
    <row r="73" spans="1:4" x14ac:dyDescent="0.15">
      <c r="A73">
        <v>1</v>
      </c>
      <c r="B73">
        <v>1200</v>
      </c>
      <c r="C73" t="s">
        <v>510</v>
      </c>
      <c r="D73" t="s">
        <v>754</v>
      </c>
    </row>
    <row r="74" spans="1:4" x14ac:dyDescent="0.15">
      <c r="A74">
        <v>1</v>
      </c>
      <c r="B74">
        <v>2001</v>
      </c>
      <c r="C74" t="s">
        <v>536</v>
      </c>
      <c r="D74" t="s">
        <v>123</v>
      </c>
    </row>
    <row r="75" spans="1:4" x14ac:dyDescent="0.15">
      <c r="A75">
        <v>2</v>
      </c>
      <c r="B75">
        <v>2002</v>
      </c>
      <c r="C75" t="s">
        <v>537</v>
      </c>
      <c r="D75" t="s">
        <v>125</v>
      </c>
    </row>
    <row r="76" spans="1:4" x14ac:dyDescent="0.15">
      <c r="A76">
        <v>2</v>
      </c>
      <c r="B76">
        <v>2003</v>
      </c>
      <c r="C76" t="s">
        <v>538</v>
      </c>
      <c r="D76" t="s">
        <v>127</v>
      </c>
    </row>
    <row r="77" spans="1:4" x14ac:dyDescent="0.15">
      <c r="A77">
        <v>2</v>
      </c>
      <c r="B77">
        <v>2004</v>
      </c>
      <c r="C77" t="s">
        <v>539</v>
      </c>
      <c r="D77" t="s">
        <v>129</v>
      </c>
    </row>
    <row r="78" spans="1:4" x14ac:dyDescent="0.15">
      <c r="A78">
        <v>2</v>
      </c>
      <c r="B78">
        <v>2005</v>
      </c>
      <c r="C78" t="s">
        <v>540</v>
      </c>
      <c r="D78" t="s">
        <v>131</v>
      </c>
    </row>
    <row r="79" spans="1:4" x14ac:dyDescent="0.15">
      <c r="A79">
        <v>2</v>
      </c>
      <c r="B79">
        <v>2006</v>
      </c>
      <c r="C79" t="s">
        <v>510</v>
      </c>
    </row>
    <row r="80" spans="1:4" x14ac:dyDescent="0.15">
      <c r="A80">
        <v>2</v>
      </c>
      <c r="B80">
        <v>2007</v>
      </c>
      <c r="C80" t="s">
        <v>510</v>
      </c>
    </row>
    <row r="81" spans="1:4" x14ac:dyDescent="0.15">
      <c r="A81">
        <v>2</v>
      </c>
      <c r="B81">
        <v>2008</v>
      </c>
      <c r="C81" t="s">
        <v>541</v>
      </c>
      <c r="D81" t="s">
        <v>755</v>
      </c>
    </row>
    <row r="82" spans="1:4" x14ac:dyDescent="0.15">
      <c r="A82">
        <v>2</v>
      </c>
      <c r="B82">
        <v>2009</v>
      </c>
      <c r="C82" t="s">
        <v>542</v>
      </c>
      <c r="D82" t="s">
        <v>135</v>
      </c>
    </row>
    <row r="83" spans="1:4" x14ac:dyDescent="0.15">
      <c r="A83">
        <v>2</v>
      </c>
      <c r="B83">
        <v>2010</v>
      </c>
      <c r="C83" t="s">
        <v>543</v>
      </c>
      <c r="D83" t="s">
        <v>137</v>
      </c>
    </row>
    <row r="84" spans="1:4" x14ac:dyDescent="0.15">
      <c r="A84">
        <v>2</v>
      </c>
      <c r="B84">
        <v>2011</v>
      </c>
      <c r="C84" t="s">
        <v>544</v>
      </c>
      <c r="D84" t="s">
        <v>139</v>
      </c>
    </row>
    <row r="85" spans="1:4" x14ac:dyDescent="0.15">
      <c r="A85">
        <v>2</v>
      </c>
      <c r="B85">
        <v>2012</v>
      </c>
      <c r="C85" t="s">
        <v>545</v>
      </c>
      <c r="D85" t="s">
        <v>141</v>
      </c>
    </row>
    <row r="86" spans="1:4" x14ac:dyDescent="0.15">
      <c r="A86">
        <v>2</v>
      </c>
      <c r="B86">
        <v>2013</v>
      </c>
      <c r="C86" t="s">
        <v>546</v>
      </c>
      <c r="D86" t="s">
        <v>143</v>
      </c>
    </row>
    <row r="87" spans="1:4" x14ac:dyDescent="0.15">
      <c r="A87">
        <v>2</v>
      </c>
      <c r="B87">
        <v>2014</v>
      </c>
      <c r="C87" t="s">
        <v>547</v>
      </c>
      <c r="D87" t="s">
        <v>145</v>
      </c>
    </row>
    <row r="88" spans="1:4" x14ac:dyDescent="0.15">
      <c r="A88">
        <v>2</v>
      </c>
      <c r="B88">
        <v>2015</v>
      </c>
      <c r="C88" t="s">
        <v>548</v>
      </c>
      <c r="D88" t="s">
        <v>147</v>
      </c>
    </row>
    <row r="89" spans="1:4" x14ac:dyDescent="0.15">
      <c r="A89">
        <v>2</v>
      </c>
      <c r="B89">
        <v>2016</v>
      </c>
      <c r="C89" t="s">
        <v>549</v>
      </c>
      <c r="D89" t="s">
        <v>149</v>
      </c>
    </row>
    <row r="90" spans="1:4" x14ac:dyDescent="0.15">
      <c r="A90">
        <v>2</v>
      </c>
      <c r="B90">
        <v>2017</v>
      </c>
      <c r="C90" t="s">
        <v>550</v>
      </c>
      <c r="D90" t="s">
        <v>151</v>
      </c>
    </row>
    <row r="91" spans="1:4" x14ac:dyDescent="0.15">
      <c r="A91">
        <v>2</v>
      </c>
      <c r="B91">
        <v>2018</v>
      </c>
      <c r="C91" t="s">
        <v>551</v>
      </c>
      <c r="D91" t="s">
        <v>153</v>
      </c>
    </row>
    <row r="92" spans="1:4" x14ac:dyDescent="0.15">
      <c r="A92">
        <v>2</v>
      </c>
      <c r="B92">
        <v>2019</v>
      </c>
      <c r="C92" t="s">
        <v>552</v>
      </c>
      <c r="D92" t="s">
        <v>155</v>
      </c>
    </row>
    <row r="93" spans="1:4" x14ac:dyDescent="0.15">
      <c r="A93">
        <v>2</v>
      </c>
      <c r="B93">
        <v>2020</v>
      </c>
      <c r="C93" t="s">
        <v>553</v>
      </c>
      <c r="D93" t="s">
        <v>157</v>
      </c>
    </row>
    <row r="94" spans="1:4" x14ac:dyDescent="0.15">
      <c r="A94">
        <v>2</v>
      </c>
      <c r="B94">
        <v>2021</v>
      </c>
      <c r="C94" t="s">
        <v>554</v>
      </c>
      <c r="D94" t="s">
        <v>159</v>
      </c>
    </row>
    <row r="95" spans="1:4" x14ac:dyDescent="0.15">
      <c r="A95">
        <v>2</v>
      </c>
      <c r="B95">
        <v>2022</v>
      </c>
      <c r="C95" t="s">
        <v>555</v>
      </c>
      <c r="D95" t="s">
        <v>161</v>
      </c>
    </row>
    <row r="96" spans="1:4" x14ac:dyDescent="0.15">
      <c r="A96">
        <v>2</v>
      </c>
      <c r="B96">
        <v>2023</v>
      </c>
      <c r="C96" t="s">
        <v>556</v>
      </c>
      <c r="D96" t="s">
        <v>756</v>
      </c>
    </row>
    <row r="97" spans="1:4" x14ac:dyDescent="0.15">
      <c r="A97">
        <v>2</v>
      </c>
      <c r="B97">
        <v>2024</v>
      </c>
      <c r="C97" t="s">
        <v>557</v>
      </c>
      <c r="D97" t="s">
        <v>164</v>
      </c>
    </row>
    <row r="98" spans="1:4" x14ac:dyDescent="0.15">
      <c r="A98">
        <v>2</v>
      </c>
      <c r="B98">
        <v>2025</v>
      </c>
      <c r="C98" t="s">
        <v>558</v>
      </c>
      <c r="D98" t="s">
        <v>166</v>
      </c>
    </row>
    <row r="99" spans="1:4" x14ac:dyDescent="0.15">
      <c r="A99">
        <v>2</v>
      </c>
      <c r="B99">
        <v>2026</v>
      </c>
      <c r="C99" t="s">
        <v>824</v>
      </c>
      <c r="D99" t="s">
        <v>823</v>
      </c>
    </row>
    <row r="100" spans="1:4" x14ac:dyDescent="0.15">
      <c r="A100">
        <v>2</v>
      </c>
      <c r="B100">
        <v>2027</v>
      </c>
      <c r="C100" t="s">
        <v>559</v>
      </c>
      <c r="D100" t="s">
        <v>758</v>
      </c>
    </row>
    <row r="101" spans="1:4" x14ac:dyDescent="0.15">
      <c r="A101">
        <v>2</v>
      </c>
      <c r="B101">
        <v>2028</v>
      </c>
      <c r="C101" t="s">
        <v>560</v>
      </c>
      <c r="D101" t="s">
        <v>759</v>
      </c>
    </row>
    <row r="102" spans="1:4" x14ac:dyDescent="0.15">
      <c r="A102">
        <v>2</v>
      </c>
      <c r="B102">
        <v>2030</v>
      </c>
      <c r="C102" t="s">
        <v>561</v>
      </c>
      <c r="D102" t="s">
        <v>760</v>
      </c>
    </row>
    <row r="103" spans="1:4" x14ac:dyDescent="0.15">
      <c r="A103">
        <v>2</v>
      </c>
      <c r="B103">
        <v>2033</v>
      </c>
      <c r="C103" t="s">
        <v>562</v>
      </c>
      <c r="D103" t="s">
        <v>761</v>
      </c>
    </row>
    <row r="104" spans="1:4" x14ac:dyDescent="0.15">
      <c r="A104">
        <v>2</v>
      </c>
      <c r="B104">
        <v>2035</v>
      </c>
      <c r="C104" t="s">
        <v>563</v>
      </c>
      <c r="D104" t="s">
        <v>762</v>
      </c>
    </row>
    <row r="105" spans="1:4" x14ac:dyDescent="0.15">
      <c r="A105">
        <v>2</v>
      </c>
      <c r="B105">
        <v>2037</v>
      </c>
      <c r="C105" t="s">
        <v>817</v>
      </c>
      <c r="D105" t="s">
        <v>763</v>
      </c>
    </row>
    <row r="106" spans="1:4" x14ac:dyDescent="0.15">
      <c r="A106">
        <v>2</v>
      </c>
      <c r="B106">
        <v>2039</v>
      </c>
      <c r="C106" t="s">
        <v>564</v>
      </c>
      <c r="D106" t="s">
        <v>764</v>
      </c>
    </row>
    <row r="107" spans="1:4" x14ac:dyDescent="0.15">
      <c r="A107">
        <v>2</v>
      </c>
      <c r="B107">
        <v>2040</v>
      </c>
      <c r="C107" t="s">
        <v>565</v>
      </c>
      <c r="D107" t="s">
        <v>765</v>
      </c>
    </row>
    <row r="108" spans="1:4" x14ac:dyDescent="0.15">
      <c r="A108">
        <v>2</v>
      </c>
      <c r="B108">
        <v>2041</v>
      </c>
      <c r="C108" t="s">
        <v>830</v>
      </c>
      <c r="D108" t="s">
        <v>766</v>
      </c>
    </row>
    <row r="109" spans="1:4" x14ac:dyDescent="0.15">
      <c r="A109">
        <v>2</v>
      </c>
      <c r="B109">
        <v>2042</v>
      </c>
      <c r="C109" t="s">
        <v>832</v>
      </c>
      <c r="D109" t="s">
        <v>831</v>
      </c>
    </row>
    <row r="110" spans="1:4" x14ac:dyDescent="0.15">
      <c r="A110">
        <v>2</v>
      </c>
      <c r="B110">
        <v>2043</v>
      </c>
      <c r="C110" t="s">
        <v>833</v>
      </c>
      <c r="D110" t="s">
        <v>768</v>
      </c>
    </row>
    <row r="111" spans="1:4" x14ac:dyDescent="0.15">
      <c r="A111">
        <v>2</v>
      </c>
      <c r="B111">
        <v>2044</v>
      </c>
      <c r="C111" t="s">
        <v>834</v>
      </c>
      <c r="D111" t="s">
        <v>769</v>
      </c>
    </row>
    <row r="112" spans="1:4" x14ac:dyDescent="0.15">
      <c r="A112">
        <v>2</v>
      </c>
      <c r="B112">
        <v>2045</v>
      </c>
      <c r="C112" t="s">
        <v>818</v>
      </c>
      <c r="D112" t="s">
        <v>770</v>
      </c>
    </row>
    <row r="113" spans="1:4" x14ac:dyDescent="0.15">
      <c r="A113">
        <v>2</v>
      </c>
      <c r="B113">
        <v>2046</v>
      </c>
      <c r="C113" t="s">
        <v>819</v>
      </c>
      <c r="D113" t="s">
        <v>771</v>
      </c>
    </row>
    <row r="114" spans="1:4" x14ac:dyDescent="0.15">
      <c r="A114">
        <v>2</v>
      </c>
      <c r="B114">
        <v>2101</v>
      </c>
      <c r="C114" t="s">
        <v>566</v>
      </c>
      <c r="D114" t="s">
        <v>180</v>
      </c>
    </row>
    <row r="115" spans="1:4" x14ac:dyDescent="0.15">
      <c r="A115">
        <v>2</v>
      </c>
      <c r="B115">
        <v>2102</v>
      </c>
      <c r="C115" t="s">
        <v>567</v>
      </c>
      <c r="D115" t="s">
        <v>772</v>
      </c>
    </row>
    <row r="116" spans="1:4" x14ac:dyDescent="0.15">
      <c r="A116">
        <v>2</v>
      </c>
      <c r="B116">
        <v>2103</v>
      </c>
      <c r="C116" t="s">
        <v>568</v>
      </c>
      <c r="D116" t="s">
        <v>183</v>
      </c>
    </row>
    <row r="117" spans="1:4" x14ac:dyDescent="0.15">
      <c r="A117">
        <v>2</v>
      </c>
      <c r="B117">
        <v>2104</v>
      </c>
      <c r="C117" t="s">
        <v>809</v>
      </c>
      <c r="D117" t="s">
        <v>773</v>
      </c>
    </row>
    <row r="118" spans="1:4" x14ac:dyDescent="0.15">
      <c r="A118">
        <v>2</v>
      </c>
      <c r="B118">
        <v>2105</v>
      </c>
      <c r="C118" t="s">
        <v>569</v>
      </c>
      <c r="D118" t="s">
        <v>186</v>
      </c>
    </row>
    <row r="119" spans="1:4" x14ac:dyDescent="0.15">
      <c r="A119">
        <v>2</v>
      </c>
      <c r="B119">
        <v>2106</v>
      </c>
      <c r="C119" t="s">
        <v>570</v>
      </c>
      <c r="D119" t="s">
        <v>188</v>
      </c>
    </row>
    <row r="120" spans="1:4" x14ac:dyDescent="0.15">
      <c r="A120">
        <v>2</v>
      </c>
      <c r="B120">
        <v>2107</v>
      </c>
      <c r="C120" t="s">
        <v>571</v>
      </c>
      <c r="D120" t="s">
        <v>190</v>
      </c>
    </row>
    <row r="121" spans="1:4" x14ac:dyDescent="0.15">
      <c r="A121">
        <v>2</v>
      </c>
      <c r="B121">
        <v>2108</v>
      </c>
      <c r="C121" t="s">
        <v>572</v>
      </c>
      <c r="D121" t="s">
        <v>192</v>
      </c>
    </row>
    <row r="122" spans="1:4" x14ac:dyDescent="0.15">
      <c r="A122">
        <v>2</v>
      </c>
      <c r="B122">
        <v>2109</v>
      </c>
      <c r="C122" t="s">
        <v>573</v>
      </c>
      <c r="D122" t="s">
        <v>194</v>
      </c>
    </row>
    <row r="123" spans="1:4" x14ac:dyDescent="0.15">
      <c r="A123">
        <v>2</v>
      </c>
      <c r="B123">
        <v>2110</v>
      </c>
      <c r="C123" t="s">
        <v>574</v>
      </c>
      <c r="D123" t="s">
        <v>774</v>
      </c>
    </row>
    <row r="124" spans="1:4" x14ac:dyDescent="0.15">
      <c r="A124">
        <v>2</v>
      </c>
      <c r="B124">
        <v>2111</v>
      </c>
      <c r="C124" t="s">
        <v>822</v>
      </c>
      <c r="D124" t="s">
        <v>821</v>
      </c>
    </row>
    <row r="125" spans="1:4" x14ac:dyDescent="0.15">
      <c r="A125">
        <v>2</v>
      </c>
      <c r="B125">
        <v>2112</v>
      </c>
      <c r="C125" t="s">
        <v>820</v>
      </c>
      <c r="D125" t="s">
        <v>775</v>
      </c>
    </row>
    <row r="126" spans="1:4" x14ac:dyDescent="0.15">
      <c r="A126">
        <v>2</v>
      </c>
      <c r="B126">
        <v>2113</v>
      </c>
      <c r="C126" t="s">
        <v>575</v>
      </c>
      <c r="D126" t="s">
        <v>199</v>
      </c>
    </row>
    <row r="127" spans="1:4" x14ac:dyDescent="0.15">
      <c r="A127">
        <v>2</v>
      </c>
      <c r="B127">
        <v>2114</v>
      </c>
      <c r="C127" t="s">
        <v>576</v>
      </c>
      <c r="D127" t="s">
        <v>201</v>
      </c>
    </row>
    <row r="128" spans="1:4" x14ac:dyDescent="0.15">
      <c r="A128">
        <v>2</v>
      </c>
      <c r="B128">
        <v>2115</v>
      </c>
      <c r="C128" t="s">
        <v>577</v>
      </c>
      <c r="D128" t="s">
        <v>203</v>
      </c>
    </row>
    <row r="129" spans="1:4" x14ac:dyDescent="0.15">
      <c r="A129">
        <v>2</v>
      </c>
      <c r="B129">
        <v>2116</v>
      </c>
      <c r="C129" t="s">
        <v>578</v>
      </c>
      <c r="D129" t="s">
        <v>205</v>
      </c>
    </row>
    <row r="130" spans="1:4" x14ac:dyDescent="0.15">
      <c r="A130">
        <v>2</v>
      </c>
      <c r="B130">
        <v>2117</v>
      </c>
      <c r="C130" t="s">
        <v>579</v>
      </c>
      <c r="D130" t="s">
        <v>776</v>
      </c>
    </row>
    <row r="131" spans="1:4" x14ac:dyDescent="0.15">
      <c r="A131">
        <v>2</v>
      </c>
      <c r="B131">
        <v>2118</v>
      </c>
      <c r="C131" t="s">
        <v>580</v>
      </c>
      <c r="D131" t="s">
        <v>777</v>
      </c>
    </row>
    <row r="132" spans="1:4" x14ac:dyDescent="0.15">
      <c r="A132">
        <v>2</v>
      </c>
      <c r="B132">
        <v>2119</v>
      </c>
      <c r="C132" t="s">
        <v>581</v>
      </c>
      <c r="D132" t="s">
        <v>209</v>
      </c>
    </row>
    <row r="133" spans="1:4" x14ac:dyDescent="0.15">
      <c r="A133">
        <v>2</v>
      </c>
      <c r="B133">
        <v>2120</v>
      </c>
      <c r="C133" t="s">
        <v>582</v>
      </c>
      <c r="D133" t="s">
        <v>211</v>
      </c>
    </row>
    <row r="134" spans="1:4" x14ac:dyDescent="0.15">
      <c r="A134">
        <v>2</v>
      </c>
      <c r="B134">
        <v>2121</v>
      </c>
      <c r="C134" t="s">
        <v>583</v>
      </c>
      <c r="D134" t="s">
        <v>778</v>
      </c>
    </row>
    <row r="135" spans="1:4" x14ac:dyDescent="0.15">
      <c r="A135">
        <v>2</v>
      </c>
      <c r="B135">
        <v>2122</v>
      </c>
      <c r="C135" t="s">
        <v>584</v>
      </c>
      <c r="D135" t="s">
        <v>779</v>
      </c>
    </row>
    <row r="136" spans="1:4" x14ac:dyDescent="0.15">
      <c r="A136">
        <v>2</v>
      </c>
      <c r="B136">
        <v>2123</v>
      </c>
      <c r="C136" t="s">
        <v>585</v>
      </c>
      <c r="D136" t="s">
        <v>780</v>
      </c>
    </row>
    <row r="137" spans="1:4" x14ac:dyDescent="0.15">
      <c r="A137">
        <v>2</v>
      </c>
      <c r="B137">
        <v>2124</v>
      </c>
      <c r="C137" t="s">
        <v>586</v>
      </c>
      <c r="D137" t="s">
        <v>781</v>
      </c>
    </row>
    <row r="138" spans="1:4" x14ac:dyDescent="0.15">
      <c r="A138">
        <v>2</v>
      </c>
      <c r="B138">
        <v>2125</v>
      </c>
      <c r="C138" t="s">
        <v>587</v>
      </c>
      <c r="D138" t="s">
        <v>217</v>
      </c>
    </row>
    <row r="139" spans="1:4" x14ac:dyDescent="0.15">
      <c r="A139">
        <v>2</v>
      </c>
      <c r="B139">
        <v>2126</v>
      </c>
      <c r="C139" t="s">
        <v>810</v>
      </c>
      <c r="D139" t="s">
        <v>782</v>
      </c>
    </row>
    <row r="140" spans="1:4" x14ac:dyDescent="0.15">
      <c r="A140">
        <v>2</v>
      </c>
      <c r="B140">
        <v>2200</v>
      </c>
      <c r="C140" t="s">
        <v>510</v>
      </c>
      <c r="D140" t="s">
        <v>783</v>
      </c>
    </row>
    <row r="141" spans="1:4" x14ac:dyDescent="0.15">
      <c r="A141">
        <v>2</v>
      </c>
      <c r="B141">
        <v>3001</v>
      </c>
      <c r="C141" t="s">
        <v>588</v>
      </c>
      <c r="D141" t="s">
        <v>221</v>
      </c>
    </row>
    <row r="142" spans="1:4" x14ac:dyDescent="0.15">
      <c r="A142">
        <v>3</v>
      </c>
      <c r="B142">
        <v>3002</v>
      </c>
      <c r="C142" t="s">
        <v>589</v>
      </c>
      <c r="D142" t="s">
        <v>223</v>
      </c>
    </row>
    <row r="143" spans="1:4" x14ac:dyDescent="0.15">
      <c r="A143">
        <v>3</v>
      </c>
      <c r="B143">
        <v>3003</v>
      </c>
      <c r="C143" t="s">
        <v>590</v>
      </c>
      <c r="D143" t="s">
        <v>225</v>
      </c>
    </row>
    <row r="144" spans="1:4" x14ac:dyDescent="0.15">
      <c r="A144">
        <v>3</v>
      </c>
      <c r="B144">
        <v>3004</v>
      </c>
      <c r="C144" t="s">
        <v>591</v>
      </c>
      <c r="D144" t="s">
        <v>227</v>
      </c>
    </row>
    <row r="145" spans="1:4" x14ac:dyDescent="0.15">
      <c r="A145">
        <v>3</v>
      </c>
      <c r="B145">
        <v>3005</v>
      </c>
      <c r="C145" t="s">
        <v>592</v>
      </c>
      <c r="D145" t="s">
        <v>229</v>
      </c>
    </row>
    <row r="146" spans="1:4" x14ac:dyDescent="0.15">
      <c r="A146">
        <v>3</v>
      </c>
      <c r="B146">
        <v>3006</v>
      </c>
      <c r="C146" t="s">
        <v>593</v>
      </c>
      <c r="D146" t="s">
        <v>231</v>
      </c>
    </row>
    <row r="147" spans="1:4" x14ac:dyDescent="0.15">
      <c r="A147">
        <v>3</v>
      </c>
      <c r="B147">
        <v>3007</v>
      </c>
      <c r="C147" t="s">
        <v>594</v>
      </c>
      <c r="D147" t="s">
        <v>233</v>
      </c>
    </row>
    <row r="148" spans="1:4" x14ac:dyDescent="0.15">
      <c r="A148">
        <v>3</v>
      </c>
      <c r="B148">
        <v>3008</v>
      </c>
      <c r="C148" t="s">
        <v>595</v>
      </c>
      <c r="D148" t="s">
        <v>235</v>
      </c>
    </row>
    <row r="149" spans="1:4" x14ac:dyDescent="0.15">
      <c r="A149">
        <v>3</v>
      </c>
      <c r="B149">
        <v>3009</v>
      </c>
      <c r="C149" t="s">
        <v>596</v>
      </c>
      <c r="D149" t="s">
        <v>237</v>
      </c>
    </row>
    <row r="150" spans="1:4" x14ac:dyDescent="0.15">
      <c r="A150">
        <v>3</v>
      </c>
      <c r="B150">
        <v>3010</v>
      </c>
      <c r="C150" t="s">
        <v>597</v>
      </c>
      <c r="D150" t="s">
        <v>239</v>
      </c>
    </row>
    <row r="151" spans="1:4" x14ac:dyDescent="0.15">
      <c r="A151">
        <v>3</v>
      </c>
      <c r="B151">
        <v>3011</v>
      </c>
      <c r="C151" t="s">
        <v>598</v>
      </c>
      <c r="D151" t="s">
        <v>241</v>
      </c>
    </row>
    <row r="152" spans="1:4" x14ac:dyDescent="0.15">
      <c r="A152">
        <v>3</v>
      </c>
      <c r="B152">
        <v>3012</v>
      </c>
      <c r="C152" t="s">
        <v>599</v>
      </c>
      <c r="D152" t="s">
        <v>243</v>
      </c>
    </row>
    <row r="153" spans="1:4" x14ac:dyDescent="0.15">
      <c r="A153">
        <v>3</v>
      </c>
      <c r="B153">
        <v>3013</v>
      </c>
      <c r="C153" t="s">
        <v>600</v>
      </c>
      <c r="D153" t="s">
        <v>244</v>
      </c>
    </row>
    <row r="154" spans="1:4" x14ac:dyDescent="0.15">
      <c r="A154">
        <v>3</v>
      </c>
      <c r="B154">
        <v>3014</v>
      </c>
      <c r="C154" t="s">
        <v>467</v>
      </c>
      <c r="D154" t="s">
        <v>784</v>
      </c>
    </row>
    <row r="155" spans="1:4" x14ac:dyDescent="0.15">
      <c r="A155">
        <v>3</v>
      </c>
      <c r="B155">
        <v>3015</v>
      </c>
      <c r="C155" t="s">
        <v>601</v>
      </c>
      <c r="D155" t="s">
        <v>247</v>
      </c>
    </row>
    <row r="156" spans="1:4" x14ac:dyDescent="0.15">
      <c r="A156">
        <v>3</v>
      </c>
      <c r="B156">
        <v>3016</v>
      </c>
      <c r="C156" t="s">
        <v>602</v>
      </c>
      <c r="D156" t="s">
        <v>249</v>
      </c>
    </row>
    <row r="157" spans="1:4" x14ac:dyDescent="0.15">
      <c r="A157">
        <v>3</v>
      </c>
      <c r="B157">
        <v>3017</v>
      </c>
      <c r="C157" t="s">
        <v>603</v>
      </c>
      <c r="D157" t="s">
        <v>251</v>
      </c>
    </row>
    <row r="158" spans="1:4" x14ac:dyDescent="0.15">
      <c r="A158">
        <v>3</v>
      </c>
      <c r="B158">
        <v>3018</v>
      </c>
      <c r="C158" t="s">
        <v>604</v>
      </c>
      <c r="D158" t="s">
        <v>253</v>
      </c>
    </row>
    <row r="159" spans="1:4" x14ac:dyDescent="0.15">
      <c r="A159">
        <v>3</v>
      </c>
      <c r="B159">
        <v>3019</v>
      </c>
      <c r="C159" t="s">
        <v>605</v>
      </c>
      <c r="D159" t="s">
        <v>255</v>
      </c>
    </row>
    <row r="160" spans="1:4" x14ac:dyDescent="0.15">
      <c r="A160">
        <v>3</v>
      </c>
      <c r="B160">
        <v>3020</v>
      </c>
      <c r="C160" t="s">
        <v>606</v>
      </c>
      <c r="D160" t="s">
        <v>257</v>
      </c>
    </row>
    <row r="161" spans="1:4" x14ac:dyDescent="0.15">
      <c r="A161">
        <v>3</v>
      </c>
      <c r="B161">
        <v>3021</v>
      </c>
      <c r="C161" t="s">
        <v>607</v>
      </c>
      <c r="D161" t="s">
        <v>259</v>
      </c>
    </row>
    <row r="162" spans="1:4" x14ac:dyDescent="0.15">
      <c r="A162">
        <v>3</v>
      </c>
      <c r="B162">
        <v>3022</v>
      </c>
      <c r="C162" t="s">
        <v>608</v>
      </c>
      <c r="D162" t="s">
        <v>261</v>
      </c>
    </row>
    <row r="163" spans="1:4" x14ac:dyDescent="0.15">
      <c r="A163">
        <v>3</v>
      </c>
      <c r="B163">
        <v>3023</v>
      </c>
      <c r="C163" t="s">
        <v>609</v>
      </c>
      <c r="D163" t="s">
        <v>263</v>
      </c>
    </row>
    <row r="164" spans="1:4" x14ac:dyDescent="0.15">
      <c r="A164">
        <v>3</v>
      </c>
      <c r="B164">
        <v>3024</v>
      </c>
      <c r="C164" t="s">
        <v>610</v>
      </c>
      <c r="D164" t="s">
        <v>265</v>
      </c>
    </row>
    <row r="165" spans="1:4" x14ac:dyDescent="0.15">
      <c r="A165">
        <v>3</v>
      </c>
      <c r="B165">
        <v>3025</v>
      </c>
      <c r="C165" t="s">
        <v>611</v>
      </c>
      <c r="D165" t="s">
        <v>266</v>
      </c>
    </row>
    <row r="166" spans="1:4" x14ac:dyDescent="0.15">
      <c r="A166">
        <v>3</v>
      </c>
      <c r="B166">
        <v>3026</v>
      </c>
      <c r="C166" t="s">
        <v>468</v>
      </c>
      <c r="D166" t="s">
        <v>268</v>
      </c>
    </row>
    <row r="167" spans="1:4" x14ac:dyDescent="0.15">
      <c r="A167">
        <v>3</v>
      </c>
      <c r="B167">
        <v>3027</v>
      </c>
      <c r="C167" t="s">
        <v>612</v>
      </c>
      <c r="D167" t="s">
        <v>269</v>
      </c>
    </row>
    <row r="168" spans="1:4" x14ac:dyDescent="0.15">
      <c r="A168">
        <v>3</v>
      </c>
      <c r="B168">
        <v>3028</v>
      </c>
      <c r="C168" t="s">
        <v>469</v>
      </c>
      <c r="D168" t="s">
        <v>785</v>
      </c>
    </row>
    <row r="169" spans="1:4" x14ac:dyDescent="0.15">
      <c r="A169">
        <v>3</v>
      </c>
      <c r="B169">
        <v>3029</v>
      </c>
      <c r="C169" t="s">
        <v>613</v>
      </c>
      <c r="D169" t="s">
        <v>271</v>
      </c>
    </row>
    <row r="170" spans="1:4" x14ac:dyDescent="0.15">
      <c r="A170">
        <v>3</v>
      </c>
      <c r="B170">
        <v>3030</v>
      </c>
      <c r="C170" t="s">
        <v>614</v>
      </c>
      <c r="D170" t="s">
        <v>786</v>
      </c>
    </row>
    <row r="171" spans="1:4" x14ac:dyDescent="0.15">
      <c r="A171">
        <v>3</v>
      </c>
      <c r="B171">
        <v>3031</v>
      </c>
      <c r="C171" t="s">
        <v>615</v>
      </c>
    </row>
    <row r="172" spans="1:4" x14ac:dyDescent="0.15">
      <c r="A172">
        <v>3</v>
      </c>
      <c r="B172">
        <v>3032</v>
      </c>
      <c r="C172" t="s">
        <v>616</v>
      </c>
    </row>
    <row r="173" spans="1:4" x14ac:dyDescent="0.15">
      <c r="A173">
        <v>3</v>
      </c>
      <c r="B173">
        <v>3033</v>
      </c>
      <c r="C173" t="s">
        <v>617</v>
      </c>
      <c r="D173" t="s">
        <v>275</v>
      </c>
    </row>
    <row r="174" spans="1:4" x14ac:dyDescent="0.15">
      <c r="A174">
        <v>3</v>
      </c>
      <c r="B174">
        <v>3034</v>
      </c>
      <c r="C174" t="s">
        <v>470</v>
      </c>
      <c r="D174" t="s">
        <v>277</v>
      </c>
    </row>
    <row r="175" spans="1:4" x14ac:dyDescent="0.15">
      <c r="A175">
        <v>3</v>
      </c>
      <c r="B175">
        <v>3035</v>
      </c>
      <c r="C175" t="s">
        <v>618</v>
      </c>
      <c r="D175" t="s">
        <v>279</v>
      </c>
    </row>
    <row r="176" spans="1:4" x14ac:dyDescent="0.15">
      <c r="A176">
        <v>3</v>
      </c>
      <c r="B176">
        <v>3036</v>
      </c>
      <c r="C176" t="s">
        <v>619</v>
      </c>
      <c r="D176" t="s">
        <v>281</v>
      </c>
    </row>
    <row r="177" spans="1:4" x14ac:dyDescent="0.15">
      <c r="A177">
        <v>3</v>
      </c>
      <c r="B177">
        <v>3037</v>
      </c>
      <c r="C177" t="s">
        <v>620</v>
      </c>
      <c r="D177" t="s">
        <v>283</v>
      </c>
    </row>
    <row r="178" spans="1:4" x14ac:dyDescent="0.15">
      <c r="A178">
        <v>3</v>
      </c>
      <c r="B178">
        <v>3038</v>
      </c>
      <c r="C178" t="s">
        <v>621</v>
      </c>
      <c r="D178" t="s">
        <v>285</v>
      </c>
    </row>
    <row r="179" spans="1:4" x14ac:dyDescent="0.15">
      <c r="A179">
        <v>3</v>
      </c>
      <c r="B179">
        <v>3039</v>
      </c>
      <c r="C179" t="s">
        <v>622</v>
      </c>
      <c r="D179" t="s">
        <v>286</v>
      </c>
    </row>
    <row r="180" spans="1:4" x14ac:dyDescent="0.15">
      <c r="A180">
        <v>3</v>
      </c>
      <c r="B180">
        <v>3040</v>
      </c>
      <c r="C180" t="s">
        <v>471</v>
      </c>
      <c r="D180" t="s">
        <v>787</v>
      </c>
    </row>
    <row r="181" spans="1:4" x14ac:dyDescent="0.15">
      <c r="A181">
        <v>3</v>
      </c>
      <c r="B181">
        <v>3041</v>
      </c>
      <c r="C181" t="s">
        <v>623</v>
      </c>
      <c r="D181" t="s">
        <v>289</v>
      </c>
    </row>
    <row r="182" spans="1:4" x14ac:dyDescent="0.15">
      <c r="A182">
        <v>3</v>
      </c>
      <c r="B182">
        <v>3042</v>
      </c>
      <c r="C182" t="s">
        <v>624</v>
      </c>
      <c r="D182" t="s">
        <v>291</v>
      </c>
    </row>
    <row r="183" spans="1:4" x14ac:dyDescent="0.15">
      <c r="A183">
        <v>3</v>
      </c>
      <c r="B183">
        <v>3043</v>
      </c>
      <c r="C183" t="s">
        <v>825</v>
      </c>
      <c r="D183" t="s">
        <v>293</v>
      </c>
    </row>
    <row r="184" spans="1:4" x14ac:dyDescent="0.15">
      <c r="A184">
        <v>3</v>
      </c>
      <c r="B184">
        <v>3044</v>
      </c>
      <c r="C184" t="s">
        <v>826</v>
      </c>
      <c r="D184" t="s">
        <v>788</v>
      </c>
    </row>
    <row r="185" spans="1:4" x14ac:dyDescent="0.15">
      <c r="A185">
        <v>3</v>
      </c>
      <c r="B185">
        <v>3045</v>
      </c>
      <c r="C185" t="s">
        <v>827</v>
      </c>
      <c r="D185" t="s">
        <v>789</v>
      </c>
    </row>
    <row r="186" spans="1:4" x14ac:dyDescent="0.15">
      <c r="A186">
        <v>3</v>
      </c>
      <c r="B186">
        <v>3046</v>
      </c>
      <c r="C186" t="s">
        <v>510</v>
      </c>
    </row>
    <row r="187" spans="1:4" x14ac:dyDescent="0.15">
      <c r="A187">
        <v>3</v>
      </c>
      <c r="B187">
        <v>3101</v>
      </c>
      <c r="C187" t="s">
        <v>625</v>
      </c>
      <c r="D187" t="s">
        <v>298</v>
      </c>
    </row>
    <row r="188" spans="1:4" x14ac:dyDescent="0.15">
      <c r="A188">
        <v>3</v>
      </c>
      <c r="B188">
        <v>3102</v>
      </c>
      <c r="C188" t="s">
        <v>811</v>
      </c>
      <c r="D188" t="s">
        <v>790</v>
      </c>
    </row>
    <row r="189" spans="1:4" x14ac:dyDescent="0.15">
      <c r="A189">
        <v>3</v>
      </c>
      <c r="B189">
        <v>3200</v>
      </c>
      <c r="C189" t="s">
        <v>510</v>
      </c>
      <c r="D189" t="s">
        <v>791</v>
      </c>
    </row>
    <row r="190" spans="1:4" x14ac:dyDescent="0.15">
      <c r="A190">
        <v>3</v>
      </c>
      <c r="B190">
        <v>4001</v>
      </c>
      <c r="C190" t="s">
        <v>626</v>
      </c>
      <c r="D190" t="s">
        <v>302</v>
      </c>
    </row>
    <row r="191" spans="1:4" x14ac:dyDescent="0.15">
      <c r="A191">
        <v>4</v>
      </c>
      <c r="B191">
        <v>4002</v>
      </c>
      <c r="C191" t="s">
        <v>627</v>
      </c>
      <c r="D191" t="s">
        <v>304</v>
      </c>
    </row>
    <row r="192" spans="1:4" x14ac:dyDescent="0.15">
      <c r="A192">
        <v>4</v>
      </c>
      <c r="B192">
        <v>4003</v>
      </c>
      <c r="C192" t="s">
        <v>628</v>
      </c>
      <c r="D192" t="s">
        <v>306</v>
      </c>
    </row>
    <row r="193" spans="1:4" x14ac:dyDescent="0.15">
      <c r="A193">
        <v>4</v>
      </c>
      <c r="B193">
        <v>4004</v>
      </c>
      <c r="C193" t="s">
        <v>629</v>
      </c>
      <c r="D193" t="s">
        <v>308</v>
      </c>
    </row>
    <row r="194" spans="1:4" x14ac:dyDescent="0.15">
      <c r="A194">
        <v>4</v>
      </c>
      <c r="B194">
        <v>4005</v>
      </c>
      <c r="C194" t="s">
        <v>630</v>
      </c>
      <c r="D194" t="s">
        <v>310</v>
      </c>
    </row>
    <row r="195" spans="1:4" x14ac:dyDescent="0.15">
      <c r="A195">
        <v>4</v>
      </c>
      <c r="B195">
        <v>4006</v>
      </c>
      <c r="C195" t="s">
        <v>631</v>
      </c>
      <c r="D195" t="s">
        <v>311</v>
      </c>
    </row>
    <row r="196" spans="1:4" x14ac:dyDescent="0.15">
      <c r="A196">
        <v>4</v>
      </c>
      <c r="B196">
        <v>4007</v>
      </c>
      <c r="C196" t="s">
        <v>472</v>
      </c>
      <c r="D196" t="s">
        <v>313</v>
      </c>
    </row>
    <row r="197" spans="1:4" x14ac:dyDescent="0.15">
      <c r="A197">
        <v>4</v>
      </c>
      <c r="B197">
        <v>4008</v>
      </c>
      <c r="C197" t="s">
        <v>632</v>
      </c>
      <c r="D197" t="s">
        <v>315</v>
      </c>
    </row>
    <row r="198" spans="1:4" x14ac:dyDescent="0.15">
      <c r="A198">
        <v>4</v>
      </c>
      <c r="B198">
        <v>4009</v>
      </c>
      <c r="C198" t="s">
        <v>633</v>
      </c>
      <c r="D198" t="s">
        <v>317</v>
      </c>
    </row>
    <row r="199" spans="1:4" x14ac:dyDescent="0.15">
      <c r="A199">
        <v>4</v>
      </c>
      <c r="B199">
        <v>4010</v>
      </c>
      <c r="C199" t="s">
        <v>634</v>
      </c>
      <c r="D199" t="s">
        <v>319</v>
      </c>
    </row>
    <row r="200" spans="1:4" x14ac:dyDescent="0.15">
      <c r="A200">
        <v>4</v>
      </c>
      <c r="B200">
        <v>4011</v>
      </c>
      <c r="C200" t="s">
        <v>635</v>
      </c>
      <c r="D200" t="s">
        <v>321</v>
      </c>
    </row>
    <row r="201" spans="1:4" x14ac:dyDescent="0.15">
      <c r="A201">
        <v>4</v>
      </c>
      <c r="B201">
        <v>4012</v>
      </c>
      <c r="C201" t="s">
        <v>636</v>
      </c>
      <c r="D201" t="s">
        <v>322</v>
      </c>
    </row>
    <row r="202" spans="1:4" x14ac:dyDescent="0.15">
      <c r="A202">
        <v>4</v>
      </c>
      <c r="B202">
        <v>4013</v>
      </c>
      <c r="C202" t="s">
        <v>473</v>
      </c>
      <c r="D202" t="s">
        <v>324</v>
      </c>
    </row>
    <row r="203" spans="1:4" x14ac:dyDescent="0.15">
      <c r="A203">
        <v>4</v>
      </c>
      <c r="B203">
        <v>4014</v>
      </c>
      <c r="C203" t="s">
        <v>637</v>
      </c>
      <c r="D203" t="s">
        <v>326</v>
      </c>
    </row>
    <row r="204" spans="1:4" x14ac:dyDescent="0.15">
      <c r="A204">
        <v>4</v>
      </c>
      <c r="B204">
        <v>4015</v>
      </c>
      <c r="C204" t="s">
        <v>638</v>
      </c>
      <c r="D204" t="s">
        <v>328</v>
      </c>
    </row>
    <row r="205" spans="1:4" x14ac:dyDescent="0.15">
      <c r="A205">
        <v>4</v>
      </c>
      <c r="B205">
        <v>4016</v>
      </c>
      <c r="C205" t="s">
        <v>639</v>
      </c>
      <c r="D205" t="s">
        <v>330</v>
      </c>
    </row>
    <row r="206" spans="1:4" x14ac:dyDescent="0.15">
      <c r="A206">
        <v>4</v>
      </c>
      <c r="B206">
        <v>4017</v>
      </c>
      <c r="C206" t="s">
        <v>640</v>
      </c>
      <c r="D206" t="s">
        <v>332</v>
      </c>
    </row>
    <row r="207" spans="1:4" x14ac:dyDescent="0.15">
      <c r="A207">
        <v>4</v>
      </c>
      <c r="B207">
        <v>4018</v>
      </c>
      <c r="C207" t="s">
        <v>641</v>
      </c>
      <c r="D207" t="s">
        <v>334</v>
      </c>
    </row>
    <row r="208" spans="1:4" x14ac:dyDescent="0.15">
      <c r="A208">
        <v>4</v>
      </c>
      <c r="B208">
        <v>4019</v>
      </c>
      <c r="C208" t="s">
        <v>642</v>
      </c>
      <c r="D208" t="s">
        <v>336</v>
      </c>
    </row>
    <row r="209" spans="1:4" x14ac:dyDescent="0.15">
      <c r="A209">
        <v>4</v>
      </c>
      <c r="B209">
        <v>4020</v>
      </c>
      <c r="C209" t="s">
        <v>643</v>
      </c>
      <c r="D209" t="s">
        <v>337</v>
      </c>
    </row>
    <row r="210" spans="1:4" x14ac:dyDescent="0.15">
      <c r="A210">
        <v>4</v>
      </c>
      <c r="B210">
        <v>4021</v>
      </c>
      <c r="C210" t="s">
        <v>474</v>
      </c>
      <c r="D210" t="s">
        <v>792</v>
      </c>
    </row>
    <row r="211" spans="1:4" x14ac:dyDescent="0.15">
      <c r="A211">
        <v>4</v>
      </c>
      <c r="B211">
        <v>4022</v>
      </c>
      <c r="C211" t="s">
        <v>644</v>
      </c>
      <c r="D211" t="s">
        <v>340</v>
      </c>
    </row>
    <row r="212" spans="1:4" x14ac:dyDescent="0.15">
      <c r="A212">
        <v>4</v>
      </c>
      <c r="B212">
        <v>4023</v>
      </c>
      <c r="C212" t="s">
        <v>645</v>
      </c>
      <c r="D212" t="s">
        <v>342</v>
      </c>
    </row>
    <row r="213" spans="1:4" x14ac:dyDescent="0.15">
      <c r="A213">
        <v>4</v>
      </c>
      <c r="B213">
        <v>4024</v>
      </c>
      <c r="C213" t="s">
        <v>646</v>
      </c>
      <c r="D213" t="s">
        <v>344</v>
      </c>
    </row>
    <row r="214" spans="1:4" x14ac:dyDescent="0.15">
      <c r="A214">
        <v>4</v>
      </c>
      <c r="B214">
        <v>4025</v>
      </c>
      <c r="C214" t="s">
        <v>647</v>
      </c>
      <c r="D214" t="s">
        <v>346</v>
      </c>
    </row>
    <row r="215" spans="1:4" x14ac:dyDescent="0.15">
      <c r="A215">
        <v>4</v>
      </c>
      <c r="B215">
        <v>4026</v>
      </c>
      <c r="C215" t="s">
        <v>648</v>
      </c>
      <c r="D215" t="s">
        <v>348</v>
      </c>
    </row>
    <row r="216" spans="1:4" x14ac:dyDescent="0.15">
      <c r="A216">
        <v>4</v>
      </c>
      <c r="B216">
        <v>4027</v>
      </c>
      <c r="C216" t="s">
        <v>649</v>
      </c>
      <c r="D216" t="s">
        <v>350</v>
      </c>
    </row>
    <row r="217" spans="1:4" x14ac:dyDescent="0.15">
      <c r="A217">
        <v>4</v>
      </c>
      <c r="B217">
        <v>4028</v>
      </c>
      <c r="C217" t="s">
        <v>650</v>
      </c>
      <c r="D217" t="s">
        <v>352</v>
      </c>
    </row>
    <row r="218" spans="1:4" x14ac:dyDescent="0.15">
      <c r="A218">
        <v>4</v>
      </c>
      <c r="B218">
        <v>4029</v>
      </c>
      <c r="C218" t="s">
        <v>510</v>
      </c>
    </row>
    <row r="219" spans="1:4" x14ac:dyDescent="0.15">
      <c r="A219">
        <v>4</v>
      </c>
      <c r="B219">
        <v>4030</v>
      </c>
      <c r="C219" t="s">
        <v>651</v>
      </c>
      <c r="D219" t="s">
        <v>355</v>
      </c>
    </row>
    <row r="220" spans="1:4" x14ac:dyDescent="0.15">
      <c r="A220">
        <v>4</v>
      </c>
      <c r="B220">
        <v>4031</v>
      </c>
      <c r="C220" t="s">
        <v>652</v>
      </c>
      <c r="D220" t="s">
        <v>357</v>
      </c>
    </row>
    <row r="221" spans="1:4" x14ac:dyDescent="0.15">
      <c r="A221">
        <v>4</v>
      </c>
      <c r="B221">
        <v>4032</v>
      </c>
      <c r="C221" t="s">
        <v>653</v>
      </c>
      <c r="D221" t="s">
        <v>359</v>
      </c>
    </row>
    <row r="222" spans="1:4" x14ac:dyDescent="0.15">
      <c r="A222">
        <v>4</v>
      </c>
      <c r="B222">
        <v>4033</v>
      </c>
      <c r="C222" t="s">
        <v>654</v>
      </c>
      <c r="D222" t="s">
        <v>361</v>
      </c>
    </row>
    <row r="223" spans="1:4" x14ac:dyDescent="0.15">
      <c r="A223">
        <v>4</v>
      </c>
      <c r="B223">
        <v>4034</v>
      </c>
      <c r="C223" t="s">
        <v>655</v>
      </c>
      <c r="D223" t="s">
        <v>362</v>
      </c>
    </row>
    <row r="224" spans="1:4" x14ac:dyDescent="0.15">
      <c r="A224">
        <v>4</v>
      </c>
      <c r="B224">
        <v>4035</v>
      </c>
      <c r="C224" t="s">
        <v>475</v>
      </c>
      <c r="D224" t="s">
        <v>793</v>
      </c>
    </row>
    <row r="225" spans="1:4" x14ac:dyDescent="0.15">
      <c r="A225">
        <v>4</v>
      </c>
      <c r="B225">
        <v>4036</v>
      </c>
      <c r="C225" t="s">
        <v>656</v>
      </c>
      <c r="D225" t="s">
        <v>365</v>
      </c>
    </row>
    <row r="226" spans="1:4" x14ac:dyDescent="0.15">
      <c r="A226">
        <v>4</v>
      </c>
      <c r="B226">
        <v>4037</v>
      </c>
      <c r="C226" t="s">
        <v>657</v>
      </c>
      <c r="D226" t="s">
        <v>366</v>
      </c>
    </row>
    <row r="227" spans="1:4" x14ac:dyDescent="0.15">
      <c r="A227">
        <v>4</v>
      </c>
      <c r="B227">
        <v>4038</v>
      </c>
      <c r="C227" t="s">
        <v>476</v>
      </c>
      <c r="D227" t="s">
        <v>794</v>
      </c>
    </row>
    <row r="228" spans="1:4" x14ac:dyDescent="0.15">
      <c r="A228">
        <v>4</v>
      </c>
      <c r="B228">
        <v>4040</v>
      </c>
      <c r="C228" t="s">
        <v>510</v>
      </c>
    </row>
    <row r="229" spans="1:4" x14ac:dyDescent="0.15">
      <c r="A229">
        <v>4</v>
      </c>
      <c r="B229">
        <v>4041</v>
      </c>
      <c r="C229" t="s">
        <v>658</v>
      </c>
      <c r="D229" t="s">
        <v>795</v>
      </c>
    </row>
    <row r="230" spans="1:4" x14ac:dyDescent="0.15">
      <c r="A230">
        <v>4</v>
      </c>
      <c r="B230">
        <v>4042</v>
      </c>
      <c r="C230" t="s">
        <v>828</v>
      </c>
      <c r="D230" t="s">
        <v>371</v>
      </c>
    </row>
    <row r="231" spans="1:4" x14ac:dyDescent="0.15">
      <c r="A231">
        <v>4</v>
      </c>
      <c r="B231">
        <v>4043</v>
      </c>
      <c r="C231" t="s">
        <v>659</v>
      </c>
      <c r="D231" t="s">
        <v>373</v>
      </c>
    </row>
    <row r="232" spans="1:4" x14ac:dyDescent="0.15">
      <c r="A232">
        <v>4</v>
      </c>
      <c r="B232">
        <v>4044</v>
      </c>
      <c r="C232" t="s">
        <v>812</v>
      </c>
      <c r="D232" t="s">
        <v>796</v>
      </c>
    </row>
    <row r="233" spans="1:4" x14ac:dyDescent="0.15">
      <c r="A233">
        <v>4</v>
      </c>
      <c r="B233">
        <v>4045</v>
      </c>
      <c r="C233" t="s">
        <v>660</v>
      </c>
      <c r="D233" t="s">
        <v>797</v>
      </c>
    </row>
    <row r="234" spans="1:4" x14ac:dyDescent="0.15">
      <c r="A234">
        <v>4</v>
      </c>
      <c r="B234">
        <v>4046</v>
      </c>
      <c r="C234" t="s">
        <v>661</v>
      </c>
      <c r="D234" t="s">
        <v>798</v>
      </c>
    </row>
    <row r="235" spans="1:4" x14ac:dyDescent="0.15">
      <c r="A235">
        <v>4</v>
      </c>
      <c r="B235">
        <v>4047</v>
      </c>
      <c r="C235" t="s">
        <v>662</v>
      </c>
      <c r="D235" t="s">
        <v>799</v>
      </c>
    </row>
    <row r="236" spans="1:4" x14ac:dyDescent="0.15">
      <c r="A236">
        <v>4</v>
      </c>
      <c r="B236">
        <v>4048</v>
      </c>
      <c r="C236" t="s">
        <v>510</v>
      </c>
    </row>
    <row r="237" spans="1:4" x14ac:dyDescent="0.15">
      <c r="A237">
        <v>4</v>
      </c>
      <c r="B237">
        <v>4049</v>
      </c>
      <c r="C237" t="s">
        <v>663</v>
      </c>
      <c r="D237" t="s">
        <v>800</v>
      </c>
    </row>
    <row r="238" spans="1:4" x14ac:dyDescent="0.15">
      <c r="A238">
        <v>4</v>
      </c>
      <c r="B238">
        <v>4050</v>
      </c>
      <c r="C238" t="s">
        <v>664</v>
      </c>
      <c r="D238" t="s">
        <v>801</v>
      </c>
    </row>
    <row r="239" spans="1:4" x14ac:dyDescent="0.15">
      <c r="A239">
        <v>4</v>
      </c>
      <c r="B239">
        <v>4051</v>
      </c>
      <c r="C239" t="s">
        <v>837</v>
      </c>
      <c r="D239" t="s">
        <v>836</v>
      </c>
    </row>
    <row r="240" spans="1:4" x14ac:dyDescent="0.15">
      <c r="A240">
        <v>4</v>
      </c>
      <c r="B240">
        <v>4052</v>
      </c>
      <c r="C240" t="s">
        <v>829</v>
      </c>
      <c r="D240" t="s">
        <v>802</v>
      </c>
    </row>
    <row r="241" spans="1:6" x14ac:dyDescent="0.15">
      <c r="A241">
        <v>4</v>
      </c>
      <c r="B241">
        <v>4101</v>
      </c>
      <c r="C241" t="s">
        <v>665</v>
      </c>
      <c r="D241" t="s">
        <v>803</v>
      </c>
    </row>
    <row r="242" spans="1:6" x14ac:dyDescent="0.15">
      <c r="A242">
        <v>4</v>
      </c>
      <c r="B242">
        <v>4102</v>
      </c>
      <c r="C242" t="s">
        <v>666</v>
      </c>
      <c r="D242" t="s">
        <v>382</v>
      </c>
    </row>
    <row r="243" spans="1:6" x14ac:dyDescent="0.15">
      <c r="A243">
        <v>4</v>
      </c>
      <c r="B243">
        <v>4103</v>
      </c>
      <c r="C243" t="s">
        <v>667</v>
      </c>
      <c r="D243" t="s">
        <v>804</v>
      </c>
    </row>
    <row r="244" spans="1:6" x14ac:dyDescent="0.15">
      <c r="A244">
        <v>4</v>
      </c>
      <c r="B244">
        <v>4104</v>
      </c>
      <c r="C244" t="s">
        <v>668</v>
      </c>
      <c r="D244" t="s">
        <v>385</v>
      </c>
    </row>
    <row r="245" spans="1:6" x14ac:dyDescent="0.15">
      <c r="A245">
        <v>4</v>
      </c>
      <c r="B245">
        <v>4105</v>
      </c>
      <c r="C245" t="s">
        <v>669</v>
      </c>
      <c r="D245" t="s">
        <v>387</v>
      </c>
    </row>
    <row r="246" spans="1:6" x14ac:dyDescent="0.15">
      <c r="A246">
        <v>4</v>
      </c>
      <c r="B246">
        <v>4106</v>
      </c>
      <c r="C246" t="s">
        <v>670</v>
      </c>
      <c r="D246" t="s">
        <v>805</v>
      </c>
    </row>
    <row r="247" spans="1:6" x14ac:dyDescent="0.15">
      <c r="A247">
        <v>4</v>
      </c>
      <c r="B247">
        <v>4107</v>
      </c>
      <c r="C247" t="s">
        <v>813</v>
      </c>
      <c r="D247" t="s">
        <v>806</v>
      </c>
    </row>
    <row r="248" spans="1:6" x14ac:dyDescent="0.15">
      <c r="A248">
        <v>4</v>
      </c>
      <c r="B248">
        <v>4108</v>
      </c>
      <c r="C248" t="s">
        <v>671</v>
      </c>
      <c r="D248" t="s">
        <v>807</v>
      </c>
    </row>
    <row r="249" spans="1:6" x14ac:dyDescent="0.15">
      <c r="A249">
        <v>4</v>
      </c>
      <c r="B249">
        <v>4109</v>
      </c>
      <c r="C249" t="s">
        <v>672</v>
      </c>
      <c r="D249" t="s">
        <v>392</v>
      </c>
    </row>
    <row r="250" spans="1:6" x14ac:dyDescent="0.15">
      <c r="A250">
        <v>4</v>
      </c>
      <c r="B250">
        <v>4200</v>
      </c>
      <c r="C250" t="s">
        <v>814</v>
      </c>
      <c r="D250" t="s">
        <v>808</v>
      </c>
      <c r="F250" t="s">
        <v>510</v>
      </c>
    </row>
    <row r="251" spans="1:6" x14ac:dyDescent="0.15">
      <c r="F251" t="s">
        <v>510</v>
      </c>
    </row>
    <row r="253" spans="1:6" x14ac:dyDescent="0.15">
      <c r="F253" t="s">
        <v>510</v>
      </c>
    </row>
    <row r="255" spans="1:6" x14ac:dyDescent="0.15">
      <c r="F255" t="s">
        <v>510</v>
      </c>
    </row>
    <row r="256" spans="1:6" x14ac:dyDescent="0.15">
      <c r="F256" t="s">
        <v>510</v>
      </c>
    </row>
  </sheetData>
  <sortState xmlns:xlrd2="http://schemas.microsoft.com/office/spreadsheetml/2017/richdata2" ref="E1:G275">
    <sortCondition ref="E1:E275"/>
  </sortState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2FF16B-B6E6-429A-A4F7-8B3F385B6B89}">
  <sheetPr>
    <tabColor rgb="FFFF0000"/>
  </sheetPr>
  <dimension ref="A1:L31"/>
  <sheetViews>
    <sheetView tabSelected="1" workbookViewId="0">
      <selection activeCell="C12" sqref="C12"/>
    </sheetView>
  </sheetViews>
  <sheetFormatPr defaultRowHeight="13.5" x14ac:dyDescent="0.15"/>
  <cols>
    <col min="1" max="1" width="3" customWidth="1"/>
    <col min="2" max="2" width="3.375" customWidth="1"/>
    <col min="3" max="3" width="5.625" customWidth="1"/>
  </cols>
  <sheetData>
    <row r="1" spans="1:12" ht="21.75" customHeight="1" x14ac:dyDescent="0.15">
      <c r="A1" s="68" t="s">
        <v>726</v>
      </c>
    </row>
    <row r="2" spans="1:12" ht="21.75" customHeight="1" x14ac:dyDescent="0.15">
      <c r="B2" s="66" t="s">
        <v>712</v>
      </c>
      <c r="C2" s="66"/>
      <c r="D2" s="65"/>
      <c r="E2" s="65"/>
      <c r="F2" s="65"/>
      <c r="G2" s="65"/>
      <c r="H2" s="65"/>
      <c r="I2" s="65"/>
      <c r="J2" s="65"/>
      <c r="K2" s="65"/>
      <c r="L2" s="65"/>
    </row>
    <row r="3" spans="1:12" ht="21.75" customHeight="1" x14ac:dyDescent="0.15">
      <c r="B3" s="66" t="s">
        <v>711</v>
      </c>
      <c r="C3" s="66"/>
      <c r="D3" s="65"/>
      <c r="E3" s="65"/>
      <c r="F3" s="65"/>
      <c r="G3" s="65"/>
      <c r="H3" s="65"/>
      <c r="I3" s="65"/>
      <c r="J3" s="65"/>
      <c r="K3" s="65"/>
      <c r="L3" s="65"/>
    </row>
    <row r="4" spans="1:12" ht="16.5" x14ac:dyDescent="0.15">
      <c r="B4" s="66"/>
      <c r="C4" s="66"/>
      <c r="D4" s="65"/>
      <c r="E4" s="65"/>
      <c r="F4" s="65"/>
      <c r="G4" s="65"/>
      <c r="H4" s="65"/>
      <c r="I4" s="65"/>
      <c r="J4" s="65"/>
      <c r="K4" s="65"/>
      <c r="L4" s="65"/>
    </row>
    <row r="5" spans="1:12" ht="21.75" customHeight="1" x14ac:dyDescent="0.15">
      <c r="B5" s="66" t="s">
        <v>692</v>
      </c>
      <c r="C5" s="66"/>
      <c r="D5" s="65"/>
      <c r="E5" s="65"/>
      <c r="F5" s="65"/>
      <c r="G5" s="65"/>
      <c r="H5" s="65"/>
      <c r="I5" s="65"/>
      <c r="J5" s="65"/>
      <c r="K5" s="65"/>
      <c r="L5" s="65"/>
    </row>
    <row r="6" spans="1:12" ht="16.5" x14ac:dyDescent="0.15">
      <c r="B6" s="66"/>
      <c r="C6" s="66"/>
      <c r="D6" s="65"/>
      <c r="E6" s="65"/>
      <c r="F6" s="65"/>
      <c r="G6" s="65"/>
      <c r="H6" s="65"/>
      <c r="I6" s="65"/>
      <c r="J6" s="65"/>
      <c r="K6" s="65"/>
      <c r="L6" s="65"/>
    </row>
    <row r="7" spans="1:12" ht="21.75" customHeight="1" x14ac:dyDescent="0.15">
      <c r="B7" s="66" t="s">
        <v>704</v>
      </c>
      <c r="C7" s="66"/>
      <c r="D7" s="65"/>
      <c r="E7" s="65"/>
      <c r="F7" s="65"/>
      <c r="G7" s="65"/>
      <c r="H7" s="65"/>
      <c r="I7" s="65"/>
      <c r="J7" s="65"/>
      <c r="K7" s="65"/>
      <c r="L7" s="65"/>
    </row>
    <row r="8" spans="1:12" ht="21.75" customHeight="1" x14ac:dyDescent="0.15">
      <c r="B8" s="66" t="s">
        <v>705</v>
      </c>
      <c r="C8" s="66"/>
      <c r="D8" s="65"/>
      <c r="E8" s="65"/>
      <c r="F8" s="65"/>
      <c r="G8" s="65"/>
      <c r="H8" s="65"/>
      <c r="I8" s="65"/>
      <c r="J8" s="65"/>
      <c r="K8" s="65"/>
      <c r="L8" s="65"/>
    </row>
    <row r="9" spans="1:12" ht="16.5" x14ac:dyDescent="0.15">
      <c r="B9" s="66"/>
      <c r="C9" s="66"/>
      <c r="D9" s="65"/>
      <c r="E9" s="65"/>
      <c r="F9" s="65"/>
      <c r="G9" s="65"/>
      <c r="H9" s="65"/>
      <c r="I9" s="65"/>
      <c r="J9" s="65"/>
      <c r="K9" s="65"/>
      <c r="L9" s="65"/>
    </row>
    <row r="10" spans="1:12" ht="21.75" customHeight="1" x14ac:dyDescent="0.15">
      <c r="B10" s="66" t="s">
        <v>709</v>
      </c>
      <c r="C10" s="66"/>
      <c r="D10" s="65"/>
      <c r="E10" s="65"/>
      <c r="F10" s="65"/>
      <c r="G10" s="65"/>
      <c r="H10" s="65"/>
      <c r="I10" s="65"/>
      <c r="J10" s="65"/>
      <c r="K10" s="65"/>
      <c r="L10" s="65"/>
    </row>
    <row r="11" spans="1:12" ht="21.75" customHeight="1" x14ac:dyDescent="0.15">
      <c r="B11" s="66" t="s">
        <v>703</v>
      </c>
      <c r="C11" s="66"/>
      <c r="D11" s="65"/>
      <c r="E11" s="65"/>
      <c r="F11" s="65"/>
      <c r="G11" s="65"/>
      <c r="H11" s="65"/>
      <c r="I11" s="65"/>
      <c r="J11" s="65"/>
      <c r="K11" s="65"/>
      <c r="L11" s="65"/>
    </row>
    <row r="12" spans="1:12" ht="21.75" customHeight="1" x14ac:dyDescent="0.15">
      <c r="B12" s="67"/>
      <c r="C12" s="95" t="s">
        <v>735</v>
      </c>
      <c r="D12" s="65"/>
      <c r="E12" s="65"/>
      <c r="F12" s="65"/>
      <c r="G12" s="65"/>
      <c r="H12" s="65"/>
      <c r="I12" s="65"/>
      <c r="J12" s="65"/>
      <c r="K12" s="65"/>
      <c r="L12" s="65"/>
    </row>
    <row r="13" spans="1:12" ht="14.25" x14ac:dyDescent="0.15">
      <c r="D13" s="65"/>
      <c r="E13" s="65"/>
      <c r="F13" s="65"/>
      <c r="G13" s="65"/>
      <c r="H13" s="65"/>
      <c r="I13" s="65"/>
      <c r="J13" s="65"/>
      <c r="K13" s="65"/>
      <c r="L13" s="65"/>
    </row>
    <row r="15" spans="1:12" ht="21.75" customHeight="1" x14ac:dyDescent="0.15">
      <c r="A15" s="68" t="s">
        <v>725</v>
      </c>
    </row>
    <row r="16" spans="1:12" ht="21.75" customHeight="1" x14ac:dyDescent="0.15">
      <c r="B16" s="64" t="s">
        <v>727</v>
      </c>
      <c r="C16" s="64"/>
    </row>
    <row r="17" spans="2:4" ht="15.75" x14ac:dyDescent="0.15">
      <c r="B17" s="64"/>
      <c r="C17" s="64"/>
    </row>
    <row r="18" spans="2:4" ht="21.75" customHeight="1" x14ac:dyDescent="0.15">
      <c r="B18" s="64" t="s">
        <v>713</v>
      </c>
      <c r="C18" s="64"/>
    </row>
    <row r="19" spans="2:4" ht="21.75" customHeight="1" x14ac:dyDescent="0.15">
      <c r="C19" s="69" t="s">
        <v>714</v>
      </c>
    </row>
    <row r="20" spans="2:4" ht="21.75" customHeight="1" x14ac:dyDescent="0.15">
      <c r="D20" s="64" t="s">
        <v>715</v>
      </c>
    </row>
    <row r="21" spans="2:4" ht="21.75" customHeight="1" x14ac:dyDescent="0.15">
      <c r="D21" s="64" t="s">
        <v>716</v>
      </c>
    </row>
    <row r="22" spans="2:4" ht="21.75" customHeight="1" x14ac:dyDescent="0.15">
      <c r="D22" s="64" t="s">
        <v>717</v>
      </c>
    </row>
    <row r="23" spans="2:4" ht="15.75" x14ac:dyDescent="0.15">
      <c r="B23" s="64"/>
      <c r="C23" s="64"/>
    </row>
    <row r="24" spans="2:4" ht="21.75" customHeight="1" x14ac:dyDescent="0.15">
      <c r="B24" s="64" t="s">
        <v>718</v>
      </c>
      <c r="C24" s="64"/>
    </row>
    <row r="25" spans="2:4" ht="21.75" customHeight="1" x14ac:dyDescent="0.15">
      <c r="C25" s="69" t="s">
        <v>722</v>
      </c>
    </row>
    <row r="26" spans="2:4" ht="21.75" customHeight="1" x14ac:dyDescent="0.15">
      <c r="C26" s="69" t="s">
        <v>734</v>
      </c>
    </row>
    <row r="27" spans="2:4" ht="21.75" customHeight="1" x14ac:dyDescent="0.15">
      <c r="C27" s="69" t="s">
        <v>723</v>
      </c>
    </row>
    <row r="28" spans="2:4" ht="21.75" customHeight="1" x14ac:dyDescent="0.15">
      <c r="C28" s="69" t="s">
        <v>724</v>
      </c>
    </row>
    <row r="29" spans="2:4" ht="21.75" customHeight="1" x14ac:dyDescent="0.15">
      <c r="D29" s="64" t="s">
        <v>719</v>
      </c>
    </row>
    <row r="30" spans="2:4" ht="21.75" customHeight="1" x14ac:dyDescent="0.15">
      <c r="D30" s="64" t="s">
        <v>720</v>
      </c>
    </row>
    <row r="31" spans="2:4" ht="21.75" customHeight="1" x14ac:dyDescent="0.15">
      <c r="D31" s="64" t="s">
        <v>721</v>
      </c>
    </row>
  </sheetData>
  <sheetProtection algorithmName="SHA-512" hashValue="OpmxLhrIAdcbJC+JvOpovW+bxECL7Zq3Cbg3uFgvuK1FQ4BPD5wpsA1QztRo/JrIKUF8HB5V4qL+iCIeRo0O+g==" saltValue="mGjqOYrqdDFhMQUt/vtgUA==" spinCount="100000" sheet="1" objects="1" scenarios="1"/>
  <phoneticPr fontId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 tint="0.59999389629810485"/>
  </sheetPr>
  <dimension ref="A1:BO155"/>
  <sheetViews>
    <sheetView zoomScaleNormal="100" workbookViewId="0">
      <selection activeCell="O8" sqref="O8:S8"/>
    </sheetView>
  </sheetViews>
  <sheetFormatPr defaultColWidth="9" defaultRowHeight="17.25" x14ac:dyDescent="0.15"/>
  <cols>
    <col min="1" max="1" width="6.25" style="27" customWidth="1"/>
    <col min="2" max="2" width="8.125" style="27" customWidth="1"/>
    <col min="3" max="3" width="9.25" style="27" bestFit="1" customWidth="1"/>
    <col min="4" max="19" width="4.5" style="27" customWidth="1"/>
    <col min="20" max="20" width="71.625" style="27" customWidth="1"/>
    <col min="21" max="16384" width="9" style="27"/>
  </cols>
  <sheetData>
    <row r="1" spans="1:67" x14ac:dyDescent="0.15">
      <c r="A1" s="24" t="s">
        <v>702</v>
      </c>
      <c r="B1" s="25"/>
      <c r="C1" s="25"/>
      <c r="D1" s="25"/>
      <c r="E1" s="25"/>
      <c r="F1" s="25"/>
      <c r="G1" s="25"/>
      <c r="H1" s="25"/>
      <c r="I1" s="26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5"/>
      <c r="AG1" s="25"/>
      <c r="AH1" s="25"/>
      <c r="AI1" s="25"/>
      <c r="AJ1" s="25"/>
      <c r="AK1" s="25"/>
      <c r="AL1" s="25"/>
      <c r="AM1" s="25"/>
      <c r="AN1" s="25"/>
      <c r="AO1" s="25"/>
      <c r="AP1" s="25"/>
      <c r="AQ1" s="25"/>
      <c r="AR1" s="25"/>
      <c r="AS1" s="25"/>
      <c r="AT1" s="25"/>
      <c r="AU1" s="25"/>
      <c r="AV1" s="25"/>
      <c r="AW1" s="25"/>
      <c r="AX1" s="25"/>
      <c r="AY1" s="25"/>
      <c r="AZ1" s="25"/>
      <c r="BA1" s="25"/>
      <c r="BB1" s="25"/>
      <c r="BC1" s="25"/>
      <c r="BD1" s="25"/>
      <c r="BE1" s="25"/>
      <c r="BF1" s="25"/>
      <c r="BG1" s="25"/>
      <c r="BH1" s="25"/>
      <c r="BI1" s="25"/>
      <c r="BJ1" s="25"/>
      <c r="BK1" s="25"/>
      <c r="BL1" s="25"/>
      <c r="BM1" s="25"/>
      <c r="BN1" s="25"/>
      <c r="BO1" s="25"/>
    </row>
    <row r="2" spans="1:67" x14ac:dyDescent="0.15">
      <c r="A2" s="24" t="s">
        <v>732</v>
      </c>
      <c r="B2" s="25"/>
      <c r="C2" s="25"/>
      <c r="D2" s="25"/>
      <c r="E2" s="25"/>
      <c r="F2" s="25"/>
      <c r="G2" s="25"/>
      <c r="H2" s="25"/>
      <c r="I2" s="26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5"/>
      <c r="X2" s="25"/>
      <c r="Y2" s="25"/>
      <c r="Z2" s="25"/>
      <c r="AA2" s="25"/>
      <c r="AB2" s="25"/>
      <c r="AC2" s="25"/>
      <c r="AD2" s="25"/>
      <c r="AE2" s="25"/>
      <c r="AF2" s="25"/>
      <c r="AG2" s="25"/>
      <c r="AH2" s="25"/>
      <c r="AI2" s="25"/>
      <c r="AJ2" s="25"/>
      <c r="AK2" s="25"/>
      <c r="AL2" s="25"/>
      <c r="AM2" s="25"/>
      <c r="AN2" s="25"/>
      <c r="AO2" s="25"/>
      <c r="AP2" s="25"/>
      <c r="AQ2" s="25"/>
      <c r="AR2" s="25"/>
      <c r="AS2" s="25"/>
      <c r="AT2" s="25"/>
      <c r="AU2" s="25"/>
      <c r="AV2" s="25"/>
      <c r="AW2" s="25"/>
      <c r="AX2" s="25"/>
      <c r="AY2" s="25"/>
      <c r="AZ2" s="25"/>
      <c r="BA2" s="25"/>
      <c r="BB2" s="25"/>
      <c r="BC2" s="25"/>
      <c r="BD2" s="25"/>
      <c r="BE2" s="25"/>
      <c r="BF2" s="25"/>
      <c r="BG2" s="25"/>
      <c r="BH2" s="25"/>
      <c r="BI2" s="25"/>
      <c r="BJ2" s="25"/>
      <c r="BK2" s="25"/>
      <c r="BL2" s="25"/>
      <c r="BM2" s="25"/>
      <c r="BN2" s="25"/>
      <c r="BO2" s="25"/>
    </row>
    <row r="3" spans="1:67" x14ac:dyDescent="0.15">
      <c r="A3" s="24"/>
      <c r="B3" s="25"/>
      <c r="C3" s="25"/>
      <c r="D3" s="25"/>
      <c r="E3" s="25"/>
      <c r="F3" s="25"/>
      <c r="G3" s="25"/>
      <c r="H3" s="25"/>
      <c r="I3" s="26"/>
      <c r="J3" s="25"/>
      <c r="K3" s="25"/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5"/>
      <c r="X3" s="25"/>
      <c r="Y3" s="25"/>
      <c r="Z3" s="25"/>
      <c r="AA3" s="25"/>
      <c r="AB3" s="25"/>
      <c r="AC3" s="25"/>
      <c r="AD3" s="25"/>
      <c r="AE3" s="25"/>
      <c r="AF3" s="25"/>
      <c r="AG3" s="25"/>
      <c r="AH3" s="25"/>
      <c r="AI3" s="25"/>
      <c r="AJ3" s="25"/>
      <c r="AK3" s="25"/>
      <c r="AL3" s="25"/>
      <c r="AM3" s="25"/>
      <c r="AN3" s="25"/>
      <c r="AO3" s="25"/>
      <c r="AP3" s="25"/>
      <c r="AQ3" s="25"/>
      <c r="AR3" s="25"/>
      <c r="AS3" s="25"/>
      <c r="AT3" s="25"/>
      <c r="AU3" s="25"/>
      <c r="AV3" s="25"/>
      <c r="AW3" s="25"/>
      <c r="AX3" s="25"/>
      <c r="AY3" s="25"/>
      <c r="AZ3" s="25"/>
      <c r="BA3" s="25"/>
      <c r="BB3" s="25"/>
      <c r="BC3" s="25"/>
      <c r="BD3" s="25"/>
      <c r="BE3" s="25"/>
      <c r="BF3" s="25"/>
      <c r="BG3" s="25"/>
      <c r="BH3" s="25"/>
      <c r="BI3" s="25"/>
      <c r="BJ3" s="25"/>
      <c r="BK3" s="25"/>
      <c r="BL3" s="25"/>
      <c r="BM3" s="25"/>
      <c r="BN3" s="25"/>
      <c r="BO3" s="25"/>
    </row>
    <row r="4" spans="1:67" x14ac:dyDescent="0.15">
      <c r="A4" s="24"/>
      <c r="B4" s="25"/>
      <c r="C4" s="96"/>
      <c r="D4" s="96"/>
      <c r="E4" s="96"/>
      <c r="F4" s="96"/>
      <c r="G4" s="96"/>
      <c r="H4" s="96"/>
      <c r="I4" s="96"/>
      <c r="J4" s="96"/>
      <c r="K4" s="25"/>
      <c r="L4" s="24"/>
      <c r="M4" s="25"/>
      <c r="N4" s="25"/>
      <c r="O4" s="25"/>
      <c r="P4" s="25"/>
      <c r="Q4" s="25"/>
      <c r="R4" s="25"/>
      <c r="S4" s="25"/>
      <c r="T4" s="25"/>
      <c r="U4" s="25"/>
      <c r="V4" s="25"/>
      <c r="W4" s="25"/>
      <c r="X4" s="25"/>
      <c r="Y4" s="25"/>
      <c r="Z4" s="25"/>
      <c r="AA4" s="25"/>
      <c r="AB4" s="25"/>
      <c r="AC4" s="25"/>
      <c r="AD4" s="25"/>
      <c r="AE4" s="25"/>
      <c r="AF4" s="25"/>
      <c r="AG4" s="25"/>
      <c r="AH4" s="25"/>
      <c r="AI4" s="25"/>
      <c r="AJ4" s="25"/>
      <c r="AK4" s="25"/>
      <c r="AL4" s="25"/>
      <c r="AM4" s="25"/>
      <c r="AN4" s="25"/>
      <c r="AO4" s="25"/>
      <c r="AP4" s="25"/>
      <c r="AQ4" s="25"/>
      <c r="AR4" s="25"/>
      <c r="AS4" s="25"/>
      <c r="AT4" s="25"/>
      <c r="AU4" s="25"/>
      <c r="AV4" s="25"/>
      <c r="AW4" s="25"/>
      <c r="AX4" s="25"/>
      <c r="AY4" s="25"/>
      <c r="AZ4" s="25"/>
      <c r="BA4" s="25"/>
      <c r="BB4" s="25"/>
      <c r="BC4" s="25"/>
      <c r="BD4" s="25"/>
      <c r="BE4" s="25"/>
      <c r="BF4" s="25"/>
      <c r="BG4" s="25"/>
      <c r="BH4" s="25"/>
      <c r="BI4" s="25"/>
      <c r="BJ4" s="25"/>
      <c r="BK4" s="25"/>
      <c r="BL4" s="25"/>
      <c r="BM4" s="25"/>
      <c r="BN4" s="25"/>
      <c r="BO4" s="25"/>
    </row>
    <row r="5" spans="1:67" x14ac:dyDescent="0.15">
      <c r="A5" s="24"/>
      <c r="B5" s="25"/>
      <c r="C5" s="25"/>
      <c r="D5" s="25"/>
      <c r="E5" s="25"/>
      <c r="F5" s="25"/>
      <c r="G5" s="25"/>
      <c r="H5" s="25"/>
      <c r="I5" s="26"/>
      <c r="J5" s="25"/>
      <c r="K5" s="25"/>
      <c r="L5" s="25"/>
      <c r="M5" s="25"/>
      <c r="N5" s="25"/>
      <c r="O5" s="25"/>
      <c r="P5" s="25"/>
      <c r="Q5" s="25"/>
      <c r="R5" s="25"/>
      <c r="S5" s="25"/>
      <c r="T5" s="25"/>
      <c r="U5" s="25"/>
      <c r="V5" s="25"/>
      <c r="W5" s="25"/>
      <c r="X5" s="25"/>
      <c r="Y5" s="25"/>
      <c r="Z5" s="25"/>
      <c r="AA5" s="25"/>
      <c r="AB5" s="25"/>
      <c r="AC5" s="25"/>
      <c r="AD5" s="25"/>
      <c r="AE5" s="25"/>
      <c r="AF5" s="25"/>
      <c r="AG5" s="25"/>
      <c r="AH5" s="25"/>
      <c r="AI5" s="25"/>
      <c r="AJ5" s="25"/>
      <c r="AK5" s="25"/>
      <c r="AL5" s="25"/>
      <c r="AM5" s="25"/>
      <c r="AN5" s="25"/>
      <c r="AO5" s="25"/>
      <c r="AP5" s="25"/>
      <c r="AQ5" s="25"/>
      <c r="AR5" s="25"/>
      <c r="AS5" s="25"/>
      <c r="AT5" s="25"/>
      <c r="AU5" s="25"/>
      <c r="AV5" s="25"/>
      <c r="AW5" s="25"/>
      <c r="AX5" s="25"/>
      <c r="AY5" s="25"/>
      <c r="AZ5" s="25"/>
      <c r="BA5" s="25"/>
      <c r="BB5" s="25"/>
      <c r="BC5" s="25"/>
      <c r="BD5" s="25"/>
      <c r="BE5" s="25"/>
      <c r="BF5" s="25"/>
      <c r="BG5" s="25"/>
      <c r="BH5" s="25"/>
      <c r="BI5" s="25"/>
      <c r="BJ5" s="25"/>
      <c r="BK5" s="25"/>
      <c r="BL5" s="25"/>
      <c r="BM5" s="25"/>
      <c r="BN5" s="25"/>
      <c r="BO5" s="25"/>
    </row>
    <row r="6" spans="1:67" ht="18" thickBot="1" x14ac:dyDescent="0.2">
      <c r="A6" s="24" t="s">
        <v>673</v>
      </c>
      <c r="B6" s="25"/>
      <c r="C6" s="25"/>
      <c r="D6" s="25"/>
      <c r="E6" s="25"/>
      <c r="F6" s="25"/>
      <c r="G6" s="25"/>
      <c r="H6" s="25"/>
      <c r="I6" s="26" t="s">
        <v>675</v>
      </c>
      <c r="J6" s="25"/>
      <c r="K6" s="25"/>
      <c r="L6" s="25"/>
      <c r="M6" s="25"/>
      <c r="N6" s="25"/>
      <c r="O6" s="25"/>
      <c r="P6" s="25"/>
      <c r="Q6" s="25"/>
      <c r="R6" s="25"/>
      <c r="S6" s="25"/>
      <c r="T6" s="25"/>
      <c r="U6" s="25"/>
      <c r="V6" s="25"/>
      <c r="W6" s="25"/>
      <c r="X6" s="25"/>
      <c r="Y6" s="25"/>
      <c r="Z6" s="25"/>
      <c r="AA6" s="25"/>
      <c r="AB6" s="25"/>
      <c r="AC6" s="25"/>
      <c r="AD6" s="25"/>
      <c r="AE6" s="25"/>
      <c r="AF6" s="25"/>
      <c r="AG6" s="25"/>
      <c r="AH6" s="25"/>
      <c r="AI6" s="25"/>
      <c r="AJ6" s="25"/>
      <c r="AK6" s="25"/>
      <c r="AL6" s="25"/>
      <c r="AM6" s="25"/>
      <c r="AN6" s="25"/>
      <c r="AO6" s="25"/>
      <c r="AP6" s="25"/>
      <c r="AQ6" s="25"/>
      <c r="AR6" s="25"/>
      <c r="AS6" s="25"/>
      <c r="AT6" s="25"/>
      <c r="AU6" s="25"/>
      <c r="AV6" s="25"/>
      <c r="AW6" s="25"/>
      <c r="AX6" s="25"/>
      <c r="AY6" s="25"/>
      <c r="AZ6" s="25"/>
      <c r="BA6" s="25"/>
      <c r="BB6" s="25"/>
      <c r="BC6" s="25"/>
      <c r="BD6" s="25"/>
      <c r="BE6" s="25"/>
      <c r="BF6" s="25"/>
      <c r="BG6" s="25"/>
      <c r="BH6" s="25"/>
      <c r="BI6" s="25"/>
      <c r="BJ6" s="25"/>
      <c r="BK6" s="25"/>
      <c r="BL6" s="25"/>
      <c r="BM6" s="25"/>
      <c r="BN6" s="25"/>
      <c r="BO6" s="25"/>
    </row>
    <row r="7" spans="1:67" ht="14.25" customHeight="1" x14ac:dyDescent="0.15">
      <c r="A7" s="28" t="s">
        <v>2</v>
      </c>
      <c r="B7" s="29" t="s">
        <v>3</v>
      </c>
      <c r="N7" s="159" t="s">
        <v>730</v>
      </c>
      <c r="O7" s="160"/>
      <c r="P7" s="160"/>
      <c r="Q7" s="160"/>
      <c r="R7" s="160"/>
      <c r="S7" s="161"/>
      <c r="T7" s="25"/>
      <c r="U7" s="25"/>
      <c r="V7" s="25"/>
      <c r="W7" s="25"/>
      <c r="X7" s="25"/>
      <c r="Y7" s="25"/>
      <c r="Z7" s="25"/>
      <c r="AA7" s="25"/>
      <c r="AB7" s="25"/>
      <c r="AC7" s="25"/>
      <c r="AD7" s="25"/>
      <c r="AE7" s="25"/>
      <c r="AF7" s="25"/>
      <c r="AG7" s="25"/>
      <c r="AH7" s="25"/>
      <c r="AI7" s="25"/>
      <c r="AJ7" s="25"/>
      <c r="AK7" s="25"/>
      <c r="AL7" s="25"/>
      <c r="AM7" s="25"/>
      <c r="AN7" s="25"/>
      <c r="AO7" s="25"/>
      <c r="AP7" s="25"/>
      <c r="AQ7" s="25"/>
      <c r="AR7" s="25"/>
      <c r="AS7" s="25"/>
      <c r="AT7" s="25"/>
      <c r="AU7" s="25"/>
      <c r="AV7" s="25"/>
      <c r="AW7" s="25"/>
      <c r="AX7" s="25"/>
      <c r="AY7" s="25"/>
      <c r="AZ7" s="25"/>
      <c r="BA7" s="25"/>
      <c r="BB7" s="25"/>
      <c r="BC7" s="25"/>
      <c r="BD7" s="25"/>
      <c r="BE7" s="25"/>
      <c r="BF7" s="25"/>
      <c r="BG7" s="25"/>
      <c r="BH7" s="25"/>
      <c r="BI7" s="25"/>
      <c r="BJ7" s="25"/>
      <c r="BK7" s="25"/>
      <c r="BL7" s="25"/>
      <c r="BM7" s="25"/>
      <c r="BN7" s="25"/>
      <c r="BO7" s="25"/>
    </row>
    <row r="8" spans="1:67" ht="22.5" customHeight="1" thickBot="1" x14ac:dyDescent="0.2">
      <c r="A8" s="16"/>
      <c r="B8" s="17"/>
      <c r="N8" s="30" t="s">
        <v>691</v>
      </c>
      <c r="O8" s="162"/>
      <c r="P8" s="162"/>
      <c r="Q8" s="162"/>
      <c r="R8" s="162"/>
      <c r="S8" s="163"/>
      <c r="T8" s="31" t="s">
        <v>693</v>
      </c>
      <c r="U8" s="25"/>
      <c r="V8" s="25"/>
      <c r="W8" s="25"/>
      <c r="X8" s="25"/>
      <c r="Y8" s="25"/>
      <c r="Z8" s="25"/>
      <c r="AA8" s="25"/>
      <c r="AB8" s="25"/>
      <c r="AC8" s="25"/>
      <c r="AD8" s="25"/>
      <c r="AE8" s="25"/>
      <c r="AF8" s="25"/>
      <c r="AG8" s="25"/>
      <c r="AH8" s="25"/>
      <c r="AI8" s="25"/>
      <c r="AJ8" s="25"/>
      <c r="AK8" s="25"/>
      <c r="AL8" s="25"/>
      <c r="AM8" s="25"/>
      <c r="AN8" s="25"/>
      <c r="AO8" s="25"/>
      <c r="AP8" s="25"/>
      <c r="AQ8" s="25"/>
      <c r="AR8" s="25"/>
      <c r="AS8" s="25"/>
      <c r="AT8" s="25"/>
      <c r="AU8" s="25"/>
      <c r="AV8" s="25"/>
      <c r="AW8" s="25"/>
      <c r="AX8" s="25"/>
      <c r="AY8" s="25"/>
      <c r="AZ8" s="25"/>
      <c r="BA8" s="25"/>
      <c r="BB8" s="25"/>
      <c r="BC8" s="25"/>
      <c r="BD8" s="25"/>
      <c r="BE8" s="25"/>
      <c r="BF8" s="25"/>
      <c r="BG8" s="25"/>
      <c r="BH8" s="25"/>
      <c r="BI8" s="25"/>
      <c r="BJ8" s="25"/>
      <c r="BK8" s="25"/>
      <c r="BL8" s="25"/>
      <c r="BM8" s="25"/>
      <c r="BN8" s="25"/>
      <c r="BO8" s="25"/>
    </row>
    <row r="9" spans="1:67" ht="11.25" customHeight="1" x14ac:dyDescent="0.15">
      <c r="T9" s="25"/>
      <c r="U9" s="25"/>
      <c r="V9" s="25"/>
      <c r="W9" s="25"/>
      <c r="X9" s="25"/>
      <c r="Y9" s="25"/>
      <c r="Z9" s="25"/>
      <c r="AA9" s="25"/>
      <c r="AB9" s="25"/>
      <c r="AC9" s="25"/>
      <c r="AD9" s="25"/>
      <c r="AE9" s="25"/>
      <c r="AF9" s="25"/>
      <c r="AG9" s="25"/>
      <c r="AH9" s="25"/>
      <c r="AI9" s="25"/>
      <c r="AJ9" s="25"/>
      <c r="AK9" s="25"/>
      <c r="AL9" s="25"/>
      <c r="AM9" s="25"/>
      <c r="AN9" s="25"/>
      <c r="AO9" s="25"/>
      <c r="AP9" s="25"/>
      <c r="AQ9" s="25"/>
      <c r="AR9" s="25"/>
      <c r="AS9" s="25"/>
      <c r="AT9" s="25"/>
      <c r="AU9" s="25"/>
      <c r="AV9" s="25"/>
      <c r="AW9" s="25"/>
      <c r="AX9" s="25"/>
      <c r="AY9" s="25"/>
      <c r="AZ9" s="25"/>
      <c r="BA9" s="25"/>
      <c r="BB9" s="25"/>
      <c r="BC9" s="25"/>
      <c r="BD9" s="25"/>
      <c r="BE9" s="25"/>
      <c r="BF9" s="25"/>
      <c r="BG9" s="25"/>
      <c r="BH9" s="25"/>
      <c r="BI9" s="25"/>
      <c r="BJ9" s="25"/>
      <c r="BK9" s="25"/>
      <c r="BL9" s="25"/>
      <c r="BM9" s="25"/>
      <c r="BN9" s="25"/>
      <c r="BO9" s="25"/>
    </row>
    <row r="10" spans="1:67" ht="21" x14ac:dyDescent="0.15">
      <c r="A10" s="168" t="s">
        <v>731</v>
      </c>
      <c r="B10" s="168"/>
      <c r="C10" s="168"/>
      <c r="D10" s="168"/>
      <c r="E10" s="168"/>
      <c r="F10" s="168"/>
      <c r="G10" s="168"/>
      <c r="H10" s="168"/>
      <c r="I10" s="168"/>
      <c r="J10" s="168"/>
      <c r="K10" s="168"/>
      <c r="L10" s="168"/>
      <c r="M10" s="168"/>
      <c r="N10" s="168"/>
      <c r="O10" s="168"/>
      <c r="P10" s="168"/>
      <c r="Q10" s="168"/>
      <c r="R10" s="168"/>
      <c r="S10" s="168"/>
      <c r="T10" s="25"/>
      <c r="U10" s="25"/>
      <c r="V10" s="25"/>
      <c r="W10" s="25"/>
      <c r="X10" s="25"/>
      <c r="Y10" s="25"/>
      <c r="Z10" s="25"/>
      <c r="AA10" s="25"/>
      <c r="AB10" s="25"/>
      <c r="AC10" s="25"/>
      <c r="AD10" s="25"/>
      <c r="AE10" s="25"/>
      <c r="AF10" s="25"/>
      <c r="AG10" s="25"/>
      <c r="AH10" s="25"/>
      <c r="AI10" s="25"/>
      <c r="AJ10" s="25"/>
      <c r="AK10" s="25"/>
      <c r="AL10" s="25"/>
      <c r="AM10" s="25"/>
      <c r="AN10" s="25"/>
      <c r="AO10" s="25"/>
      <c r="AP10" s="25"/>
      <c r="AQ10" s="25"/>
      <c r="AR10" s="25"/>
      <c r="AS10" s="25"/>
      <c r="AT10" s="25"/>
      <c r="AU10" s="25"/>
      <c r="AV10" s="25"/>
      <c r="AW10" s="25"/>
      <c r="AX10" s="25"/>
      <c r="AY10" s="25"/>
      <c r="AZ10" s="25"/>
      <c r="BA10" s="25"/>
      <c r="BB10" s="25"/>
      <c r="BC10" s="25"/>
      <c r="BD10" s="25"/>
      <c r="BE10" s="25"/>
      <c r="BF10" s="25"/>
      <c r="BG10" s="25"/>
      <c r="BH10" s="25"/>
      <c r="BI10" s="25"/>
      <c r="BJ10" s="25"/>
      <c r="BK10" s="25"/>
      <c r="BL10" s="25"/>
      <c r="BM10" s="25"/>
      <c r="BN10" s="25"/>
      <c r="BO10" s="25"/>
    </row>
    <row r="11" spans="1:67" ht="9.75" customHeight="1" thickBot="1" x14ac:dyDescent="0.2">
      <c r="T11" s="25"/>
      <c r="U11" s="25"/>
      <c r="V11" s="25"/>
      <c r="W11" s="25"/>
      <c r="X11" s="25"/>
      <c r="Y11" s="25"/>
      <c r="Z11" s="25"/>
      <c r="AA11" s="25"/>
      <c r="AB11" s="25"/>
      <c r="AC11" s="25"/>
      <c r="AD11" s="25"/>
      <c r="AE11" s="25"/>
      <c r="AF11" s="25"/>
      <c r="AG11" s="25"/>
      <c r="AH11" s="25"/>
      <c r="AI11" s="25"/>
      <c r="AJ11" s="25"/>
      <c r="AK11" s="25"/>
      <c r="AL11" s="25"/>
      <c r="AM11" s="25"/>
      <c r="AN11" s="25"/>
      <c r="AO11" s="25"/>
      <c r="AP11" s="25"/>
      <c r="AQ11" s="25"/>
      <c r="AR11" s="25"/>
      <c r="AS11" s="25"/>
      <c r="AT11" s="25"/>
      <c r="AU11" s="25"/>
      <c r="AV11" s="25"/>
      <c r="AW11" s="25"/>
      <c r="AX11" s="25"/>
      <c r="AY11" s="25"/>
      <c r="AZ11" s="25"/>
      <c r="BA11" s="25"/>
      <c r="BB11" s="25"/>
      <c r="BC11" s="25"/>
      <c r="BD11" s="25"/>
      <c r="BE11" s="25"/>
      <c r="BF11" s="25"/>
      <c r="BG11" s="25"/>
      <c r="BH11" s="25"/>
      <c r="BI11" s="25"/>
      <c r="BJ11" s="25"/>
      <c r="BK11" s="25"/>
      <c r="BL11" s="25"/>
      <c r="BM11" s="25"/>
      <c r="BN11" s="25"/>
      <c r="BO11" s="25"/>
    </row>
    <row r="12" spans="1:67" ht="29.25" customHeight="1" x14ac:dyDescent="0.15">
      <c r="A12" s="148" t="s">
        <v>397</v>
      </c>
      <c r="B12" s="149"/>
      <c r="C12" s="152" t="str">
        <f>IF(B8="","",VLOOKUP(B8,Sheet2!$B$1:$C$250,2))</f>
        <v/>
      </c>
      <c r="D12" s="153"/>
      <c r="E12" s="153"/>
      <c r="F12" s="153"/>
      <c r="G12" s="153"/>
      <c r="H12" s="153"/>
      <c r="I12" s="154"/>
      <c r="J12" s="155" t="s">
        <v>413</v>
      </c>
      <c r="K12" s="156"/>
      <c r="L12" s="147"/>
      <c r="M12" s="124"/>
      <c r="N12" s="32" t="s">
        <v>402</v>
      </c>
      <c r="O12" s="124"/>
      <c r="P12" s="124"/>
      <c r="Q12" s="32" t="s">
        <v>402</v>
      </c>
      <c r="R12" s="124"/>
      <c r="S12" s="125"/>
      <c r="T12" s="31" t="s">
        <v>674</v>
      </c>
      <c r="U12" s="25"/>
      <c r="V12" s="25"/>
      <c r="W12" s="25"/>
      <c r="X12" s="25"/>
      <c r="Y12" s="25"/>
      <c r="Z12" s="25"/>
      <c r="AA12" s="25"/>
      <c r="AB12" s="25"/>
      <c r="AC12" s="25"/>
      <c r="AD12" s="25"/>
      <c r="AE12" s="25"/>
      <c r="AF12" s="25"/>
      <c r="AG12" s="25"/>
      <c r="AH12" s="25"/>
      <c r="AI12" s="25"/>
      <c r="AJ12" s="25"/>
      <c r="AK12" s="25"/>
      <c r="AL12" s="25"/>
      <c r="AM12" s="25"/>
      <c r="AN12" s="25"/>
      <c r="AO12" s="25"/>
      <c r="AP12" s="25"/>
      <c r="AQ12" s="25"/>
      <c r="AR12" s="25"/>
      <c r="AS12" s="25"/>
      <c r="AT12" s="25"/>
      <c r="AU12" s="25"/>
      <c r="AV12" s="25"/>
      <c r="AW12" s="25"/>
      <c r="AX12" s="25"/>
      <c r="AY12" s="25"/>
      <c r="AZ12" s="25"/>
      <c r="BA12" s="25"/>
      <c r="BB12" s="25"/>
      <c r="BC12" s="25"/>
      <c r="BD12" s="25"/>
      <c r="BE12" s="25"/>
      <c r="BF12" s="25"/>
      <c r="BG12" s="25"/>
      <c r="BH12" s="25"/>
      <c r="BI12" s="25"/>
      <c r="BJ12" s="25"/>
      <c r="BK12" s="25"/>
      <c r="BL12" s="25"/>
      <c r="BM12" s="25"/>
      <c r="BN12" s="25"/>
      <c r="BO12" s="25"/>
    </row>
    <row r="13" spans="1:67" ht="29.25" customHeight="1" x14ac:dyDescent="0.15">
      <c r="A13" s="150" t="s">
        <v>0</v>
      </c>
      <c r="B13" s="151"/>
      <c r="C13" s="157"/>
      <c r="D13" s="158"/>
      <c r="E13" s="158"/>
      <c r="F13" s="158"/>
      <c r="G13" s="158"/>
      <c r="H13" s="53"/>
      <c r="I13" s="54"/>
      <c r="J13" s="172" t="s">
        <v>414</v>
      </c>
      <c r="K13" s="173"/>
      <c r="L13" s="122"/>
      <c r="M13" s="123"/>
      <c r="N13" s="33" t="s">
        <v>402</v>
      </c>
      <c r="O13" s="123"/>
      <c r="P13" s="123"/>
      <c r="Q13" s="33" t="s">
        <v>402</v>
      </c>
      <c r="R13" s="123"/>
      <c r="S13" s="141"/>
      <c r="T13" s="31" t="s">
        <v>676</v>
      </c>
      <c r="U13" s="25"/>
      <c r="V13" s="25"/>
      <c r="W13" s="25"/>
      <c r="X13" s="25"/>
      <c r="Y13" s="25"/>
      <c r="Z13" s="25"/>
      <c r="AA13" s="25"/>
      <c r="AB13" s="25"/>
      <c r="AC13" s="25"/>
      <c r="AD13" s="25"/>
      <c r="AE13" s="25"/>
      <c r="AF13" s="25"/>
      <c r="AG13" s="25"/>
      <c r="AH13" s="25"/>
      <c r="AI13" s="25"/>
      <c r="AJ13" s="25"/>
      <c r="AK13" s="25"/>
      <c r="AL13" s="25"/>
      <c r="AM13" s="25"/>
      <c r="AN13" s="25"/>
      <c r="AO13" s="25"/>
      <c r="AP13" s="25"/>
      <c r="AQ13" s="25"/>
      <c r="AR13" s="25"/>
      <c r="AS13" s="25"/>
      <c r="AT13" s="25"/>
      <c r="AU13" s="25"/>
      <c r="AV13" s="25"/>
      <c r="AW13" s="25"/>
      <c r="AX13" s="25"/>
      <c r="AY13" s="25"/>
      <c r="AZ13" s="25"/>
      <c r="BA13" s="25"/>
      <c r="BB13" s="25"/>
      <c r="BC13" s="25"/>
      <c r="BD13" s="25"/>
      <c r="BE13" s="25"/>
      <c r="BF13" s="25"/>
      <c r="BG13" s="25"/>
      <c r="BH13" s="25"/>
      <c r="BI13" s="25"/>
      <c r="BJ13" s="25"/>
      <c r="BK13" s="25"/>
      <c r="BL13" s="25"/>
      <c r="BM13" s="25"/>
      <c r="BN13" s="25"/>
      <c r="BO13" s="25"/>
    </row>
    <row r="14" spans="1:67" ht="29.25" customHeight="1" x14ac:dyDescent="0.15">
      <c r="A14" s="138" t="s">
        <v>398</v>
      </c>
      <c r="B14" s="108"/>
      <c r="C14" s="108" t="s">
        <v>399</v>
      </c>
      <c r="D14" s="34" t="s">
        <v>401</v>
      </c>
      <c r="E14" s="122"/>
      <c r="F14" s="123"/>
      <c r="G14" s="35" t="s">
        <v>402</v>
      </c>
      <c r="H14" s="123"/>
      <c r="I14" s="169"/>
      <c r="J14" s="142"/>
      <c r="K14" s="143"/>
      <c r="L14" s="143"/>
      <c r="M14" s="143"/>
      <c r="N14" s="143"/>
      <c r="O14" s="143"/>
      <c r="P14" s="143"/>
      <c r="Q14" s="143"/>
      <c r="R14" s="143"/>
      <c r="S14" s="144"/>
      <c r="T14" s="31"/>
      <c r="U14" s="25"/>
      <c r="V14" s="25"/>
      <c r="W14" s="25"/>
      <c r="X14" s="25"/>
      <c r="Y14" s="25"/>
      <c r="Z14" s="25"/>
      <c r="AA14" s="25"/>
      <c r="AB14" s="25"/>
      <c r="AC14" s="25"/>
      <c r="AD14" s="25"/>
      <c r="AE14" s="25"/>
      <c r="AF14" s="25"/>
      <c r="AG14" s="25"/>
      <c r="AH14" s="25"/>
      <c r="AI14" s="25"/>
      <c r="AJ14" s="25"/>
      <c r="AK14" s="25"/>
      <c r="AL14" s="25"/>
      <c r="AM14" s="25"/>
      <c r="AN14" s="25"/>
      <c r="AO14" s="25"/>
      <c r="AP14" s="25"/>
      <c r="AQ14" s="25"/>
      <c r="AR14" s="25"/>
      <c r="AS14" s="25"/>
      <c r="AT14" s="25"/>
      <c r="AU14" s="25"/>
      <c r="AV14" s="25"/>
      <c r="AW14" s="25"/>
      <c r="AX14" s="25"/>
      <c r="AY14" s="25"/>
      <c r="AZ14" s="25"/>
      <c r="BA14" s="25"/>
      <c r="BB14" s="25"/>
      <c r="BC14" s="25"/>
      <c r="BD14" s="25"/>
      <c r="BE14" s="25"/>
      <c r="BF14" s="25"/>
      <c r="BG14" s="25"/>
      <c r="BH14" s="25"/>
      <c r="BI14" s="25"/>
      <c r="BJ14" s="25"/>
      <c r="BK14" s="25"/>
      <c r="BL14" s="25"/>
      <c r="BM14" s="25"/>
      <c r="BN14" s="25"/>
      <c r="BO14" s="25"/>
    </row>
    <row r="15" spans="1:67" ht="29.25" customHeight="1" x14ac:dyDescent="0.15">
      <c r="A15" s="138"/>
      <c r="B15" s="108"/>
      <c r="C15" s="108"/>
      <c r="D15" s="170"/>
      <c r="E15" s="170"/>
      <c r="F15" s="170"/>
      <c r="G15" s="170"/>
      <c r="H15" s="170"/>
      <c r="I15" s="170"/>
      <c r="J15" s="170"/>
      <c r="K15" s="170"/>
      <c r="L15" s="170"/>
      <c r="M15" s="170"/>
      <c r="N15" s="170"/>
      <c r="O15" s="170"/>
      <c r="P15" s="170"/>
      <c r="Q15" s="170"/>
      <c r="R15" s="170"/>
      <c r="S15" s="171"/>
      <c r="T15" s="31" t="s">
        <v>695</v>
      </c>
      <c r="U15" s="25"/>
      <c r="V15" s="25"/>
      <c r="W15" s="25"/>
      <c r="X15" s="25"/>
      <c r="Y15" s="25"/>
      <c r="Z15" s="25"/>
      <c r="AA15" s="25"/>
      <c r="AB15" s="25"/>
      <c r="AC15" s="25"/>
      <c r="AD15" s="25"/>
      <c r="AE15" s="25"/>
      <c r="AF15" s="25"/>
      <c r="AG15" s="25"/>
      <c r="AH15" s="25"/>
      <c r="AI15" s="25"/>
      <c r="AJ15" s="25"/>
      <c r="AK15" s="25"/>
      <c r="AL15" s="25"/>
      <c r="AM15" s="25"/>
      <c r="AN15" s="25"/>
      <c r="AO15" s="25"/>
      <c r="AP15" s="25"/>
      <c r="AQ15" s="25"/>
      <c r="AR15" s="25"/>
      <c r="AS15" s="25"/>
      <c r="AT15" s="25"/>
      <c r="AU15" s="25"/>
      <c r="AV15" s="25"/>
      <c r="AW15" s="25"/>
      <c r="AX15" s="25"/>
      <c r="AY15" s="25"/>
      <c r="AZ15" s="25"/>
      <c r="BA15" s="25"/>
      <c r="BB15" s="25"/>
      <c r="BC15" s="25"/>
      <c r="BD15" s="25"/>
      <c r="BE15" s="25"/>
      <c r="BF15" s="25"/>
      <c r="BG15" s="25"/>
      <c r="BH15" s="25"/>
      <c r="BI15" s="25"/>
      <c r="BJ15" s="25"/>
      <c r="BK15" s="25"/>
      <c r="BL15" s="25"/>
      <c r="BM15" s="25"/>
      <c r="BN15" s="25"/>
      <c r="BO15" s="25"/>
    </row>
    <row r="16" spans="1:67" ht="29.25" customHeight="1" x14ac:dyDescent="0.15">
      <c r="A16" s="138"/>
      <c r="B16" s="108"/>
      <c r="C16" s="36" t="s">
        <v>400</v>
      </c>
      <c r="D16" s="130"/>
      <c r="E16" s="131"/>
      <c r="F16" s="131"/>
      <c r="G16" s="131"/>
      <c r="H16" s="131"/>
      <c r="I16" s="131"/>
      <c r="J16" s="131"/>
      <c r="K16" s="131"/>
      <c r="L16" s="131"/>
      <c r="M16" s="131"/>
      <c r="N16" s="131"/>
      <c r="O16" s="131"/>
      <c r="P16" s="131"/>
      <c r="Q16" s="131"/>
      <c r="R16" s="131"/>
      <c r="S16" s="132"/>
      <c r="T16" s="31" t="s">
        <v>694</v>
      </c>
      <c r="U16" s="25"/>
      <c r="V16" s="25"/>
      <c r="W16" s="25"/>
      <c r="X16" s="25"/>
      <c r="Y16" s="25"/>
      <c r="Z16" s="25"/>
      <c r="AA16" s="25"/>
      <c r="AB16" s="25"/>
      <c r="AC16" s="25"/>
      <c r="AD16" s="25"/>
      <c r="AE16" s="25"/>
      <c r="AF16" s="25"/>
      <c r="AG16" s="25"/>
      <c r="AH16" s="25"/>
      <c r="AI16" s="25"/>
      <c r="AJ16" s="25"/>
      <c r="AK16" s="25"/>
      <c r="AL16" s="25"/>
      <c r="AM16" s="25"/>
      <c r="AN16" s="25"/>
      <c r="AO16" s="25"/>
      <c r="AP16" s="25"/>
      <c r="AQ16" s="25"/>
      <c r="AR16" s="25"/>
      <c r="AS16" s="25"/>
      <c r="AT16" s="25"/>
      <c r="AU16" s="25"/>
      <c r="AV16" s="25"/>
      <c r="AW16" s="25"/>
      <c r="AX16" s="25"/>
      <c r="AY16" s="25"/>
      <c r="AZ16" s="25"/>
      <c r="BA16" s="25"/>
      <c r="BB16" s="25"/>
      <c r="BC16" s="25"/>
      <c r="BD16" s="25"/>
      <c r="BE16" s="25"/>
      <c r="BF16" s="25"/>
      <c r="BG16" s="25"/>
      <c r="BH16" s="25"/>
      <c r="BI16" s="25"/>
      <c r="BJ16" s="25"/>
      <c r="BK16" s="25"/>
      <c r="BL16" s="25"/>
      <c r="BM16" s="25"/>
      <c r="BN16" s="25"/>
      <c r="BO16" s="25"/>
    </row>
    <row r="17" spans="1:67" ht="35.25" customHeight="1" x14ac:dyDescent="0.15">
      <c r="A17" s="138" t="s">
        <v>412</v>
      </c>
      <c r="B17" s="108"/>
      <c r="C17" s="108"/>
      <c r="D17" s="108"/>
      <c r="E17" s="108"/>
      <c r="F17" s="108"/>
      <c r="G17" s="108"/>
      <c r="H17" s="108"/>
      <c r="I17" s="108"/>
      <c r="J17" s="137"/>
      <c r="K17" s="135"/>
      <c r="L17" s="135"/>
      <c r="M17" s="135"/>
      <c r="N17" s="135"/>
      <c r="O17" s="135"/>
      <c r="P17" s="135"/>
      <c r="Q17" s="135"/>
      <c r="R17" s="135"/>
      <c r="S17" s="136"/>
      <c r="T17" s="31" t="s">
        <v>696</v>
      </c>
      <c r="U17" s="25"/>
      <c r="V17" s="25"/>
      <c r="W17" s="25"/>
      <c r="X17" s="25"/>
      <c r="Y17" s="25"/>
      <c r="Z17" s="25"/>
      <c r="AA17" s="25"/>
      <c r="AB17" s="25"/>
      <c r="AC17" s="25"/>
      <c r="AD17" s="25"/>
      <c r="AE17" s="25"/>
      <c r="AF17" s="25"/>
      <c r="AG17" s="25"/>
      <c r="AH17" s="25"/>
      <c r="AI17" s="25"/>
      <c r="AJ17" s="25"/>
      <c r="AK17" s="25"/>
      <c r="AL17" s="25"/>
      <c r="AM17" s="25"/>
      <c r="AN17" s="25"/>
      <c r="AO17" s="25"/>
      <c r="AP17" s="25"/>
      <c r="AQ17" s="25"/>
      <c r="AR17" s="25"/>
      <c r="AS17" s="25"/>
      <c r="AT17" s="25"/>
      <c r="AU17" s="25"/>
      <c r="AV17" s="25"/>
      <c r="AW17" s="25"/>
      <c r="AX17" s="25"/>
      <c r="AY17" s="25"/>
      <c r="AZ17" s="25"/>
      <c r="BA17" s="25"/>
      <c r="BB17" s="25"/>
      <c r="BC17" s="25"/>
      <c r="BD17" s="25"/>
      <c r="BE17" s="25"/>
      <c r="BF17" s="25"/>
      <c r="BG17" s="25"/>
      <c r="BH17" s="25"/>
      <c r="BI17" s="25"/>
      <c r="BJ17" s="25"/>
      <c r="BK17" s="25"/>
      <c r="BL17" s="25"/>
      <c r="BM17" s="25"/>
      <c r="BN17" s="25"/>
      <c r="BO17" s="25"/>
    </row>
    <row r="18" spans="1:67" ht="32.25" customHeight="1" x14ac:dyDescent="0.15">
      <c r="A18" s="107" t="s">
        <v>416</v>
      </c>
      <c r="B18" s="108"/>
      <c r="C18" s="108"/>
      <c r="D18" s="109"/>
      <c r="E18" s="109"/>
      <c r="F18" s="109"/>
      <c r="G18" s="109"/>
      <c r="H18" s="109"/>
      <c r="I18" s="109"/>
      <c r="J18" s="109"/>
      <c r="K18" s="109"/>
      <c r="L18" s="110" t="s">
        <v>415</v>
      </c>
      <c r="M18" s="111"/>
      <c r="N18" s="109"/>
      <c r="O18" s="109"/>
      <c r="P18" s="109"/>
      <c r="Q18" s="109"/>
      <c r="R18" s="109"/>
      <c r="S18" s="112"/>
      <c r="T18" s="31"/>
      <c r="U18" s="25"/>
      <c r="V18" s="25"/>
      <c r="W18" s="25"/>
      <c r="X18" s="25"/>
      <c r="Y18" s="25"/>
      <c r="Z18" s="25"/>
      <c r="AA18" s="25"/>
      <c r="AB18" s="25"/>
      <c r="AC18" s="25"/>
      <c r="AD18" s="25"/>
      <c r="AE18" s="25"/>
      <c r="AF18" s="25"/>
      <c r="AG18" s="25"/>
      <c r="AH18" s="25"/>
      <c r="AI18" s="25"/>
      <c r="AJ18" s="25"/>
      <c r="AK18" s="25"/>
      <c r="AL18" s="25"/>
      <c r="AM18" s="25"/>
      <c r="AN18" s="25"/>
      <c r="AO18" s="25"/>
      <c r="AP18" s="25"/>
      <c r="AQ18" s="25"/>
      <c r="AR18" s="25"/>
      <c r="AS18" s="25"/>
      <c r="AT18" s="25"/>
      <c r="AU18" s="25"/>
      <c r="AV18" s="25"/>
      <c r="AW18" s="25"/>
      <c r="AX18" s="25"/>
      <c r="AY18" s="25"/>
      <c r="AZ18" s="25"/>
      <c r="BA18" s="25"/>
      <c r="BB18" s="25"/>
      <c r="BC18" s="25"/>
      <c r="BD18" s="25"/>
      <c r="BE18" s="25"/>
      <c r="BF18" s="25"/>
      <c r="BG18" s="25"/>
      <c r="BH18" s="25"/>
      <c r="BI18" s="25"/>
      <c r="BJ18" s="25"/>
      <c r="BK18" s="25"/>
      <c r="BL18" s="25"/>
      <c r="BM18" s="25"/>
      <c r="BN18" s="25"/>
      <c r="BO18" s="25"/>
    </row>
    <row r="19" spans="1:67" ht="23.25" customHeight="1" x14ac:dyDescent="0.15">
      <c r="A19" s="133" t="s">
        <v>411</v>
      </c>
      <c r="B19" s="134"/>
      <c r="C19" s="134"/>
      <c r="D19" s="37" t="s">
        <v>405</v>
      </c>
      <c r="E19" s="23" t="s">
        <v>406</v>
      </c>
      <c r="F19" s="15"/>
      <c r="G19" s="38" t="s">
        <v>404</v>
      </c>
      <c r="H19" s="37" t="s">
        <v>408</v>
      </c>
      <c r="I19" s="23" t="s">
        <v>406</v>
      </c>
      <c r="J19" s="15"/>
      <c r="K19" s="38" t="s">
        <v>404</v>
      </c>
      <c r="L19" s="37" t="s">
        <v>409</v>
      </c>
      <c r="M19" s="23" t="s">
        <v>406</v>
      </c>
      <c r="N19" s="15"/>
      <c r="O19" s="38" t="s">
        <v>404</v>
      </c>
      <c r="P19" s="37" t="s">
        <v>410</v>
      </c>
      <c r="Q19" s="23" t="s">
        <v>406</v>
      </c>
      <c r="R19" s="15"/>
      <c r="S19" s="39" t="s">
        <v>404</v>
      </c>
      <c r="T19" s="31" t="s">
        <v>706</v>
      </c>
      <c r="U19" s="25"/>
      <c r="V19" s="25"/>
      <c r="W19" s="25"/>
      <c r="X19" s="25"/>
      <c r="Y19" s="25"/>
      <c r="Z19" s="25"/>
      <c r="AA19" s="25"/>
      <c r="AB19" s="25"/>
      <c r="AC19" s="25"/>
      <c r="AD19" s="25"/>
      <c r="AE19" s="25"/>
      <c r="AF19" s="25"/>
      <c r="AG19" s="25"/>
      <c r="AH19" s="25"/>
      <c r="AI19" s="25"/>
      <c r="AJ19" s="25"/>
      <c r="AK19" s="25"/>
      <c r="AL19" s="25"/>
      <c r="AM19" s="25"/>
      <c r="AN19" s="25"/>
      <c r="AO19" s="25"/>
      <c r="AP19" s="25"/>
      <c r="AQ19" s="25"/>
      <c r="AR19" s="25"/>
      <c r="AS19" s="25"/>
      <c r="AT19" s="25"/>
      <c r="AU19" s="25"/>
      <c r="AV19" s="25"/>
      <c r="AW19" s="25"/>
      <c r="AX19" s="25"/>
      <c r="AY19" s="25"/>
      <c r="AZ19" s="25"/>
      <c r="BA19" s="25"/>
      <c r="BB19" s="25"/>
      <c r="BC19" s="25"/>
      <c r="BD19" s="25"/>
      <c r="BE19" s="25"/>
      <c r="BF19" s="25"/>
      <c r="BG19" s="25"/>
      <c r="BH19" s="25"/>
      <c r="BI19" s="25"/>
      <c r="BJ19" s="25"/>
      <c r="BK19" s="25"/>
      <c r="BL19" s="25"/>
      <c r="BM19" s="25"/>
      <c r="BN19" s="25"/>
      <c r="BO19" s="25"/>
    </row>
    <row r="20" spans="1:67" ht="23.25" customHeight="1" x14ac:dyDescent="0.15">
      <c r="A20" s="40" t="s">
        <v>403</v>
      </c>
      <c r="B20" s="15" t="str">
        <f>IF(F19+F20+J19+J20+N19+N20+R19+R20&lt;1,"",F19+F20+J19+J20+N19+N20+R19+R20)</f>
        <v/>
      </c>
      <c r="C20" s="38" t="s">
        <v>404</v>
      </c>
      <c r="D20" s="37" t="s">
        <v>405</v>
      </c>
      <c r="E20" s="23" t="s">
        <v>407</v>
      </c>
      <c r="F20" s="15"/>
      <c r="G20" s="38" t="s">
        <v>404</v>
      </c>
      <c r="H20" s="37" t="s">
        <v>408</v>
      </c>
      <c r="I20" s="23" t="s">
        <v>407</v>
      </c>
      <c r="J20" s="15"/>
      <c r="K20" s="38" t="s">
        <v>404</v>
      </c>
      <c r="L20" s="37" t="s">
        <v>409</v>
      </c>
      <c r="M20" s="23" t="s">
        <v>407</v>
      </c>
      <c r="N20" s="15"/>
      <c r="O20" s="38" t="s">
        <v>404</v>
      </c>
      <c r="P20" s="37" t="s">
        <v>410</v>
      </c>
      <c r="Q20" s="23" t="s">
        <v>407</v>
      </c>
      <c r="R20" s="15"/>
      <c r="S20" s="39" t="s">
        <v>404</v>
      </c>
      <c r="T20" s="31" t="s">
        <v>706</v>
      </c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I20" s="25"/>
      <c r="AJ20" s="25"/>
      <c r="AK20" s="25"/>
      <c r="AL20" s="25"/>
      <c r="AM20" s="25"/>
      <c r="AN20" s="25"/>
      <c r="AO20" s="25"/>
      <c r="AP20" s="25"/>
      <c r="AQ20" s="25"/>
      <c r="AR20" s="25"/>
      <c r="AS20" s="25"/>
      <c r="AT20" s="25"/>
      <c r="AU20" s="25"/>
      <c r="AV20" s="25"/>
      <c r="AW20" s="25"/>
      <c r="AX20" s="25"/>
      <c r="AY20" s="25"/>
      <c r="AZ20" s="25"/>
      <c r="BA20" s="25"/>
      <c r="BB20" s="25"/>
      <c r="BC20" s="25"/>
      <c r="BD20" s="25"/>
      <c r="BE20" s="25"/>
      <c r="BF20" s="25"/>
      <c r="BG20" s="25"/>
      <c r="BH20" s="25"/>
      <c r="BI20" s="25"/>
      <c r="BJ20" s="25"/>
      <c r="BK20" s="25"/>
      <c r="BL20" s="25"/>
      <c r="BM20" s="25"/>
      <c r="BN20" s="25"/>
      <c r="BO20" s="25"/>
    </row>
    <row r="21" spans="1:67" ht="33" customHeight="1" thickBot="1" x14ac:dyDescent="0.2">
      <c r="A21" s="113" t="s">
        <v>418</v>
      </c>
      <c r="B21" s="114"/>
      <c r="C21" s="114"/>
      <c r="D21" s="114"/>
      <c r="E21" s="114"/>
      <c r="F21" s="114"/>
      <c r="G21" s="114"/>
      <c r="H21" s="114"/>
      <c r="I21" s="115"/>
      <c r="J21" s="116"/>
      <c r="K21" s="117"/>
      <c r="L21" s="118"/>
      <c r="M21" s="119" t="s">
        <v>417</v>
      </c>
      <c r="N21" s="120"/>
      <c r="O21" s="120"/>
      <c r="P21" s="120"/>
      <c r="Q21" s="120"/>
      <c r="R21" s="120"/>
      <c r="S21" s="121"/>
      <c r="T21" s="31"/>
      <c r="U21" s="25"/>
      <c r="V21" s="25"/>
      <c r="W21" s="25"/>
      <c r="X21" s="25"/>
      <c r="Y21" s="25"/>
      <c r="Z21" s="25"/>
      <c r="AA21" s="25"/>
      <c r="AB21" s="25"/>
      <c r="AC21" s="25"/>
      <c r="AD21" s="25"/>
      <c r="AE21" s="25"/>
      <c r="AF21" s="25"/>
      <c r="AG21" s="25"/>
      <c r="AH21" s="25"/>
      <c r="AI21" s="25"/>
      <c r="AJ21" s="25"/>
      <c r="AK21" s="25"/>
      <c r="AL21" s="25"/>
      <c r="AM21" s="25"/>
      <c r="AN21" s="25"/>
      <c r="AO21" s="25"/>
      <c r="AP21" s="25"/>
      <c r="AQ21" s="25"/>
      <c r="AR21" s="25"/>
      <c r="AS21" s="25"/>
      <c r="AT21" s="25"/>
      <c r="AU21" s="25"/>
      <c r="AV21" s="25"/>
      <c r="AW21" s="25"/>
      <c r="AX21" s="25"/>
      <c r="AY21" s="25"/>
      <c r="AZ21" s="25"/>
      <c r="BA21" s="25"/>
      <c r="BB21" s="25"/>
      <c r="BC21" s="25"/>
      <c r="BD21" s="25"/>
      <c r="BE21" s="25"/>
      <c r="BF21" s="25"/>
      <c r="BG21" s="25"/>
      <c r="BH21" s="25"/>
      <c r="BI21" s="25"/>
      <c r="BJ21" s="25"/>
      <c r="BK21" s="25"/>
      <c r="BL21" s="25"/>
      <c r="BM21" s="25"/>
      <c r="BN21" s="25"/>
      <c r="BO21" s="25"/>
    </row>
    <row r="22" spans="1:67" ht="24.75" customHeight="1" thickBot="1" x14ac:dyDescent="0.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31"/>
      <c r="U22" s="25"/>
      <c r="V22" s="25"/>
      <c r="W22" s="25"/>
      <c r="X22" s="25"/>
      <c r="Y22" s="25"/>
      <c r="Z22" s="25"/>
      <c r="AA22" s="25"/>
      <c r="AB22" s="25"/>
      <c r="AC22" s="25"/>
      <c r="AD22" s="25"/>
      <c r="AE22" s="25"/>
      <c r="AF22" s="25"/>
      <c r="AG22" s="25"/>
      <c r="AH22" s="25"/>
      <c r="AI22" s="25"/>
      <c r="AJ22" s="25"/>
      <c r="AK22" s="25"/>
      <c r="AL22" s="25"/>
      <c r="AM22" s="25"/>
      <c r="AN22" s="25"/>
      <c r="AO22" s="25"/>
      <c r="AP22" s="25"/>
      <c r="AQ22" s="25"/>
      <c r="AR22" s="25"/>
      <c r="AS22" s="25"/>
      <c r="AT22" s="25"/>
      <c r="AU22" s="25"/>
      <c r="AV22" s="25"/>
      <c r="AW22" s="25"/>
      <c r="AX22" s="25"/>
      <c r="AY22" s="25"/>
      <c r="AZ22" s="25"/>
      <c r="BA22" s="25"/>
      <c r="BB22" s="25"/>
      <c r="BC22" s="25"/>
      <c r="BD22" s="25"/>
      <c r="BE22" s="25"/>
      <c r="BF22" s="25"/>
      <c r="BG22" s="25"/>
      <c r="BH22" s="25"/>
      <c r="BI22" s="25"/>
      <c r="BJ22" s="25"/>
      <c r="BK22" s="25"/>
      <c r="BL22" s="25"/>
      <c r="BM22" s="25"/>
      <c r="BN22" s="25"/>
      <c r="BO22" s="25"/>
    </row>
    <row r="23" spans="1:67" ht="33.75" customHeight="1" thickBot="1" x14ac:dyDescent="0.25">
      <c r="A23" s="42" t="s">
        <v>419</v>
      </c>
      <c r="T23" s="31"/>
      <c r="U23" s="25"/>
      <c r="V23" s="25"/>
      <c r="W23" s="25"/>
      <c r="X23" s="25"/>
      <c r="Y23" s="25"/>
      <c r="Z23" s="25"/>
      <c r="AA23" s="25"/>
      <c r="AB23" s="25"/>
      <c r="AC23" s="25"/>
      <c r="AD23" s="25"/>
      <c r="AE23" s="25"/>
      <c r="AF23" s="25"/>
      <c r="AG23" s="25"/>
      <c r="AH23" s="25"/>
      <c r="AI23" s="25"/>
      <c r="AJ23" s="25"/>
      <c r="AK23" s="25"/>
      <c r="AL23" s="25"/>
      <c r="AM23" s="25"/>
      <c r="AN23" s="25"/>
      <c r="AO23" s="25"/>
      <c r="AP23" s="25"/>
      <c r="AQ23" s="25"/>
      <c r="AR23" s="25"/>
      <c r="AS23" s="25"/>
      <c r="AT23" s="25"/>
      <c r="AU23" s="25"/>
      <c r="AV23" s="25"/>
      <c r="AW23" s="25"/>
      <c r="AX23" s="25"/>
      <c r="AY23" s="25"/>
      <c r="AZ23" s="25"/>
      <c r="BA23" s="25"/>
      <c r="BB23" s="25"/>
      <c r="BC23" s="25"/>
      <c r="BD23" s="25"/>
      <c r="BE23" s="25"/>
      <c r="BF23" s="25"/>
      <c r="BG23" s="25"/>
      <c r="BH23" s="25"/>
      <c r="BI23" s="25"/>
      <c r="BJ23" s="25"/>
      <c r="BK23" s="25"/>
      <c r="BL23" s="25"/>
      <c r="BM23" s="25"/>
      <c r="BN23" s="25"/>
      <c r="BO23" s="25"/>
    </row>
    <row r="24" spans="1:67" ht="28.5" customHeight="1" x14ac:dyDescent="0.15">
      <c r="A24" s="126" t="s">
        <v>420</v>
      </c>
      <c r="B24" s="127"/>
      <c r="C24" s="45" t="s">
        <v>421</v>
      </c>
      <c r="D24" s="164"/>
      <c r="E24" s="164"/>
      <c r="F24" s="164"/>
      <c r="G24" s="164"/>
      <c r="H24" s="164"/>
      <c r="I24" s="164"/>
      <c r="J24" s="164"/>
      <c r="K24" s="164"/>
      <c r="L24" s="164"/>
      <c r="M24" s="164"/>
      <c r="N24" s="164"/>
      <c r="O24" s="164"/>
      <c r="P24" s="164"/>
      <c r="Q24" s="164"/>
      <c r="R24" s="164"/>
      <c r="S24" s="165"/>
      <c r="T24" s="43" t="s">
        <v>677</v>
      </c>
      <c r="U24" s="25"/>
      <c r="V24" s="25"/>
      <c r="W24" s="25"/>
      <c r="X24" s="25"/>
      <c r="Y24" s="25"/>
      <c r="Z24" s="25"/>
      <c r="AA24" s="25"/>
      <c r="AB24" s="25"/>
      <c r="AC24" s="25"/>
      <c r="AD24" s="25"/>
      <c r="AE24" s="25"/>
      <c r="AF24" s="25"/>
      <c r="AG24" s="25"/>
      <c r="AH24" s="25"/>
      <c r="AI24" s="25"/>
      <c r="AJ24" s="25"/>
      <c r="AK24" s="25"/>
      <c r="AL24" s="25"/>
      <c r="AM24" s="25"/>
      <c r="AN24" s="25"/>
      <c r="AO24" s="25"/>
      <c r="AP24" s="25"/>
      <c r="AQ24" s="25"/>
      <c r="AR24" s="25"/>
      <c r="AS24" s="25"/>
      <c r="AT24" s="25"/>
      <c r="AU24" s="25"/>
      <c r="AV24" s="25"/>
      <c r="AW24" s="25"/>
      <c r="AX24" s="25"/>
      <c r="AY24" s="25"/>
      <c r="AZ24" s="25"/>
      <c r="BA24" s="25"/>
      <c r="BB24" s="25"/>
      <c r="BC24" s="25"/>
      <c r="BD24" s="25"/>
      <c r="BE24" s="25"/>
      <c r="BF24" s="25"/>
      <c r="BG24" s="25"/>
      <c r="BH24" s="25"/>
      <c r="BI24" s="25"/>
      <c r="BJ24" s="25"/>
      <c r="BK24" s="25"/>
      <c r="BL24" s="25"/>
      <c r="BM24" s="25"/>
      <c r="BN24" s="25"/>
      <c r="BO24" s="25"/>
    </row>
    <row r="25" spans="1:67" ht="28.5" customHeight="1" x14ac:dyDescent="0.15">
      <c r="A25" s="145" t="s">
        <v>697</v>
      </c>
      <c r="B25" s="134"/>
      <c r="C25" s="146"/>
      <c r="D25" s="97"/>
      <c r="E25" s="98"/>
      <c r="F25" s="98"/>
      <c r="G25" s="98"/>
      <c r="H25" s="98"/>
      <c r="I25" s="98"/>
      <c r="J25" s="98"/>
      <c r="K25" s="98"/>
      <c r="L25" s="98"/>
      <c r="M25" s="98"/>
      <c r="N25" s="98"/>
      <c r="O25" s="98"/>
      <c r="P25" s="98"/>
      <c r="Q25" s="98"/>
      <c r="R25" s="98"/>
      <c r="S25" s="99"/>
      <c r="T25" s="44" t="s">
        <v>699</v>
      </c>
      <c r="U25" s="25"/>
      <c r="V25" s="25"/>
      <c r="W25" s="25"/>
      <c r="X25" s="25"/>
      <c r="Y25" s="25"/>
      <c r="Z25" s="25"/>
      <c r="AA25" s="25"/>
      <c r="AB25" s="25"/>
      <c r="AC25" s="25"/>
      <c r="AD25" s="25"/>
      <c r="AE25" s="25"/>
      <c r="AF25" s="25"/>
      <c r="AG25" s="25"/>
      <c r="AH25" s="25"/>
      <c r="AI25" s="25"/>
      <c r="AJ25" s="25"/>
      <c r="AK25" s="25"/>
      <c r="AL25" s="25"/>
      <c r="AM25" s="25"/>
      <c r="AN25" s="25"/>
      <c r="AO25" s="25"/>
      <c r="AP25" s="25"/>
      <c r="AQ25" s="25"/>
      <c r="AR25" s="25"/>
      <c r="AS25" s="25"/>
      <c r="AT25" s="25"/>
      <c r="AU25" s="25"/>
      <c r="AV25" s="25"/>
      <c r="AW25" s="25"/>
      <c r="AX25" s="25"/>
      <c r="AY25" s="25"/>
      <c r="AZ25" s="25"/>
      <c r="BA25" s="25"/>
      <c r="BB25" s="25"/>
      <c r="BC25" s="25"/>
      <c r="BD25" s="25"/>
      <c r="BE25" s="25"/>
      <c r="BF25" s="25"/>
      <c r="BG25" s="25"/>
      <c r="BH25" s="25"/>
      <c r="BI25" s="25"/>
      <c r="BJ25" s="25"/>
      <c r="BK25" s="25"/>
      <c r="BL25" s="25"/>
      <c r="BM25" s="25"/>
      <c r="BN25" s="25"/>
      <c r="BO25" s="25"/>
    </row>
    <row r="26" spans="1:67" ht="28.5" customHeight="1" thickBot="1" x14ac:dyDescent="0.2">
      <c r="A26" s="100" t="s">
        <v>698</v>
      </c>
      <c r="B26" s="101"/>
      <c r="C26" s="102"/>
      <c r="D26" s="103"/>
      <c r="E26" s="103"/>
      <c r="F26" s="103"/>
      <c r="G26" s="103"/>
      <c r="H26" s="103"/>
      <c r="I26" s="103"/>
      <c r="J26" s="139" t="s">
        <v>422</v>
      </c>
      <c r="K26" s="140"/>
      <c r="L26" s="140"/>
      <c r="M26" s="140"/>
      <c r="N26" s="166"/>
      <c r="O26" s="166"/>
      <c r="P26" s="166"/>
      <c r="Q26" s="166"/>
      <c r="R26" s="166"/>
      <c r="S26" s="167"/>
      <c r="T26" s="44" t="s">
        <v>700</v>
      </c>
      <c r="U26" s="25"/>
      <c r="V26" s="25"/>
      <c r="W26" s="25"/>
      <c r="X26" s="25"/>
      <c r="Y26" s="25"/>
      <c r="Z26" s="25"/>
      <c r="AA26" s="25"/>
      <c r="AB26" s="25"/>
      <c r="AC26" s="25"/>
      <c r="AD26" s="25"/>
      <c r="AE26" s="25"/>
      <c r="AF26" s="25"/>
      <c r="AG26" s="25"/>
      <c r="AH26" s="25"/>
      <c r="AI26" s="25"/>
      <c r="AJ26" s="25"/>
      <c r="AK26" s="25"/>
      <c r="AL26" s="25"/>
      <c r="AM26" s="25"/>
      <c r="AN26" s="25"/>
      <c r="AO26" s="25"/>
      <c r="AP26" s="25"/>
      <c r="AQ26" s="25"/>
      <c r="AR26" s="25"/>
      <c r="AS26" s="25"/>
      <c r="AT26" s="25"/>
      <c r="AU26" s="25"/>
      <c r="AV26" s="25"/>
      <c r="AW26" s="25"/>
      <c r="AX26" s="25"/>
      <c r="AY26" s="25"/>
      <c r="AZ26" s="25"/>
      <c r="BA26" s="25"/>
      <c r="BB26" s="25"/>
      <c r="BC26" s="25"/>
      <c r="BD26" s="25"/>
      <c r="BE26" s="25"/>
      <c r="BF26" s="25"/>
      <c r="BG26" s="25"/>
      <c r="BH26" s="25"/>
      <c r="BI26" s="25"/>
      <c r="BJ26" s="25"/>
      <c r="BK26" s="25"/>
      <c r="BL26" s="25"/>
      <c r="BM26" s="25"/>
      <c r="BN26" s="25"/>
      <c r="BO26" s="25"/>
    </row>
    <row r="27" spans="1:67" ht="28.5" customHeight="1" x14ac:dyDescent="0.15">
      <c r="A27" s="126" t="s">
        <v>423</v>
      </c>
      <c r="B27" s="127"/>
      <c r="C27" s="45" t="s">
        <v>421</v>
      </c>
      <c r="D27" s="128"/>
      <c r="E27" s="128"/>
      <c r="F27" s="128"/>
      <c r="G27" s="128"/>
      <c r="H27" s="128"/>
      <c r="I27" s="128"/>
      <c r="J27" s="128"/>
      <c r="K27" s="128"/>
      <c r="L27" s="128"/>
      <c r="M27" s="128"/>
      <c r="N27" s="128"/>
      <c r="O27" s="128"/>
      <c r="P27" s="128"/>
      <c r="Q27" s="128"/>
      <c r="R27" s="128"/>
      <c r="S27" s="129"/>
      <c r="T27" s="31"/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5"/>
      <c r="AG27" s="25"/>
      <c r="AH27" s="25"/>
      <c r="AI27" s="25"/>
      <c r="AJ27" s="25"/>
      <c r="AK27" s="25"/>
      <c r="AL27" s="25"/>
      <c r="AM27" s="25"/>
      <c r="AN27" s="25"/>
      <c r="AO27" s="25"/>
      <c r="AP27" s="25"/>
      <c r="AQ27" s="25"/>
      <c r="AR27" s="25"/>
      <c r="AS27" s="25"/>
      <c r="AT27" s="25"/>
      <c r="AU27" s="25"/>
      <c r="AV27" s="25"/>
      <c r="AW27" s="25"/>
      <c r="AX27" s="25"/>
      <c r="AY27" s="25"/>
      <c r="AZ27" s="25"/>
      <c r="BA27" s="25"/>
      <c r="BB27" s="25"/>
      <c r="BC27" s="25"/>
      <c r="BD27" s="25"/>
      <c r="BE27" s="25"/>
      <c r="BF27" s="25"/>
      <c r="BG27" s="25"/>
      <c r="BH27" s="25"/>
      <c r="BI27" s="25"/>
      <c r="BJ27" s="25"/>
      <c r="BK27" s="25"/>
      <c r="BL27" s="25"/>
      <c r="BM27" s="25"/>
      <c r="BN27" s="25"/>
      <c r="BO27" s="25"/>
    </row>
    <row r="28" spans="1:67" ht="28.5" customHeight="1" x14ac:dyDescent="0.15">
      <c r="A28" s="145" t="s">
        <v>697</v>
      </c>
      <c r="B28" s="134"/>
      <c r="C28" s="146"/>
      <c r="D28" s="97"/>
      <c r="E28" s="98"/>
      <c r="F28" s="98"/>
      <c r="G28" s="98"/>
      <c r="H28" s="98"/>
      <c r="I28" s="98"/>
      <c r="J28" s="98"/>
      <c r="K28" s="98"/>
      <c r="L28" s="98"/>
      <c r="M28" s="98"/>
      <c r="N28" s="98"/>
      <c r="O28" s="98"/>
      <c r="P28" s="98"/>
      <c r="Q28" s="98"/>
      <c r="R28" s="98"/>
      <c r="S28" s="99"/>
      <c r="T28" s="31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25"/>
      <c r="AK28" s="25"/>
      <c r="AL28" s="25"/>
      <c r="AM28" s="25"/>
      <c r="AN28" s="25"/>
      <c r="AO28" s="25"/>
      <c r="AP28" s="25"/>
      <c r="AQ28" s="25"/>
      <c r="AR28" s="25"/>
      <c r="AS28" s="25"/>
      <c r="AT28" s="25"/>
      <c r="AU28" s="25"/>
      <c r="AV28" s="25"/>
      <c r="AW28" s="25"/>
      <c r="AX28" s="25"/>
      <c r="AY28" s="25"/>
      <c r="AZ28" s="25"/>
      <c r="BA28" s="25"/>
      <c r="BB28" s="25"/>
      <c r="BC28" s="25"/>
      <c r="BD28" s="25"/>
      <c r="BE28" s="25"/>
      <c r="BF28" s="25"/>
      <c r="BG28" s="25"/>
      <c r="BH28" s="25"/>
      <c r="BI28" s="25"/>
      <c r="BJ28" s="25"/>
      <c r="BK28" s="25"/>
      <c r="BL28" s="25"/>
      <c r="BM28" s="25"/>
      <c r="BN28" s="25"/>
      <c r="BO28" s="25"/>
    </row>
    <row r="29" spans="1:67" ht="28.5" customHeight="1" thickBot="1" x14ac:dyDescent="0.2">
      <c r="A29" s="100" t="s">
        <v>698</v>
      </c>
      <c r="B29" s="101"/>
      <c r="C29" s="102"/>
      <c r="D29" s="103"/>
      <c r="E29" s="103"/>
      <c r="F29" s="103"/>
      <c r="G29" s="103"/>
      <c r="H29" s="103"/>
      <c r="I29" s="103"/>
      <c r="J29" s="104" t="s">
        <v>422</v>
      </c>
      <c r="K29" s="104"/>
      <c r="L29" s="104"/>
      <c r="M29" s="104"/>
      <c r="N29" s="105"/>
      <c r="O29" s="105"/>
      <c r="P29" s="105"/>
      <c r="Q29" s="105"/>
      <c r="R29" s="105"/>
      <c r="S29" s="106"/>
      <c r="T29" s="31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5"/>
      <c r="AN29" s="25"/>
      <c r="AO29" s="25"/>
      <c r="AP29" s="25"/>
      <c r="AQ29" s="25"/>
      <c r="AR29" s="25"/>
      <c r="AS29" s="25"/>
      <c r="AT29" s="25"/>
      <c r="AU29" s="25"/>
      <c r="AV29" s="25"/>
      <c r="AW29" s="25"/>
      <c r="AX29" s="25"/>
      <c r="AY29" s="25"/>
      <c r="AZ29" s="25"/>
      <c r="BA29" s="25"/>
      <c r="BB29" s="25"/>
      <c r="BC29" s="25"/>
      <c r="BD29" s="25"/>
      <c r="BE29" s="25"/>
      <c r="BF29" s="25"/>
      <c r="BG29" s="25"/>
      <c r="BH29" s="25"/>
      <c r="BI29" s="25"/>
      <c r="BJ29" s="25"/>
      <c r="BK29" s="25"/>
      <c r="BL29" s="25"/>
      <c r="BM29" s="25"/>
      <c r="BN29" s="25"/>
      <c r="BO29" s="25"/>
    </row>
    <row r="30" spans="1:67" ht="28.5" customHeight="1" x14ac:dyDescent="0.15">
      <c r="A30" s="126" t="s">
        <v>424</v>
      </c>
      <c r="B30" s="127"/>
      <c r="C30" s="45" t="s">
        <v>421</v>
      </c>
      <c r="D30" s="128"/>
      <c r="E30" s="128"/>
      <c r="F30" s="128"/>
      <c r="G30" s="128"/>
      <c r="H30" s="128"/>
      <c r="I30" s="128"/>
      <c r="J30" s="128"/>
      <c r="K30" s="128"/>
      <c r="L30" s="128"/>
      <c r="M30" s="128"/>
      <c r="N30" s="128"/>
      <c r="O30" s="128"/>
      <c r="P30" s="128"/>
      <c r="Q30" s="128"/>
      <c r="R30" s="128"/>
      <c r="S30" s="129"/>
      <c r="T30" s="31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  <c r="AY30" s="25"/>
      <c r="AZ30" s="25"/>
      <c r="BA30" s="25"/>
      <c r="BB30" s="25"/>
      <c r="BC30" s="25"/>
      <c r="BD30" s="25"/>
      <c r="BE30" s="25"/>
      <c r="BF30" s="25"/>
      <c r="BG30" s="25"/>
      <c r="BH30" s="25"/>
      <c r="BI30" s="25"/>
      <c r="BJ30" s="25"/>
      <c r="BK30" s="25"/>
      <c r="BL30" s="25"/>
      <c r="BM30" s="25"/>
      <c r="BN30" s="25"/>
      <c r="BO30" s="25"/>
    </row>
    <row r="31" spans="1:67" ht="28.5" customHeight="1" x14ac:dyDescent="0.15">
      <c r="A31" s="145" t="s">
        <v>697</v>
      </c>
      <c r="B31" s="134"/>
      <c r="C31" s="146"/>
      <c r="D31" s="97"/>
      <c r="E31" s="98"/>
      <c r="F31" s="98"/>
      <c r="G31" s="98"/>
      <c r="H31" s="98"/>
      <c r="I31" s="98"/>
      <c r="J31" s="98"/>
      <c r="K31" s="98"/>
      <c r="L31" s="98"/>
      <c r="M31" s="98"/>
      <c r="N31" s="98"/>
      <c r="O31" s="98"/>
      <c r="P31" s="98"/>
      <c r="Q31" s="98"/>
      <c r="R31" s="98"/>
      <c r="S31" s="99"/>
      <c r="T31" s="31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25"/>
      <c r="AK31" s="25"/>
      <c r="AL31" s="25"/>
      <c r="AM31" s="25"/>
      <c r="AN31" s="25"/>
      <c r="AO31" s="25"/>
      <c r="AP31" s="25"/>
      <c r="AQ31" s="25"/>
      <c r="AR31" s="25"/>
      <c r="AS31" s="25"/>
      <c r="AT31" s="25"/>
      <c r="AU31" s="25"/>
      <c r="AV31" s="25"/>
      <c r="AW31" s="25"/>
      <c r="AX31" s="25"/>
      <c r="AY31" s="25"/>
      <c r="AZ31" s="25"/>
      <c r="BA31" s="25"/>
      <c r="BB31" s="25"/>
      <c r="BC31" s="25"/>
      <c r="BD31" s="25"/>
      <c r="BE31" s="25"/>
      <c r="BF31" s="25"/>
      <c r="BG31" s="25"/>
      <c r="BH31" s="25"/>
      <c r="BI31" s="25"/>
      <c r="BJ31" s="25"/>
      <c r="BK31" s="25"/>
      <c r="BL31" s="25"/>
      <c r="BM31" s="25"/>
      <c r="BN31" s="25"/>
      <c r="BO31" s="25"/>
    </row>
    <row r="32" spans="1:67" ht="28.5" customHeight="1" thickBot="1" x14ac:dyDescent="0.2">
      <c r="A32" s="100" t="s">
        <v>698</v>
      </c>
      <c r="B32" s="101"/>
      <c r="C32" s="102"/>
      <c r="D32" s="103"/>
      <c r="E32" s="103"/>
      <c r="F32" s="103"/>
      <c r="G32" s="103"/>
      <c r="H32" s="103"/>
      <c r="I32" s="103"/>
      <c r="J32" s="104" t="s">
        <v>422</v>
      </c>
      <c r="K32" s="104"/>
      <c r="L32" s="104"/>
      <c r="M32" s="104"/>
      <c r="N32" s="105"/>
      <c r="O32" s="105"/>
      <c r="P32" s="105"/>
      <c r="Q32" s="105"/>
      <c r="R32" s="105"/>
      <c r="S32" s="106"/>
      <c r="T32" s="31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W32" s="25"/>
      <c r="AX32" s="25"/>
      <c r="AY32" s="25"/>
      <c r="AZ32" s="25"/>
      <c r="BA32" s="25"/>
      <c r="BB32" s="25"/>
      <c r="BC32" s="25"/>
      <c r="BD32" s="25"/>
      <c r="BE32" s="25"/>
      <c r="BF32" s="25"/>
      <c r="BG32" s="25"/>
      <c r="BH32" s="25"/>
      <c r="BI32" s="25"/>
      <c r="BJ32" s="25"/>
      <c r="BK32" s="25"/>
      <c r="BL32" s="25"/>
      <c r="BM32" s="25"/>
      <c r="BN32" s="25"/>
      <c r="BO32" s="25"/>
    </row>
    <row r="33" spans="1:67" ht="28.5" customHeight="1" x14ac:dyDescent="0.15">
      <c r="A33" s="126" t="s">
        <v>425</v>
      </c>
      <c r="B33" s="127"/>
      <c r="C33" s="45" t="s">
        <v>421</v>
      </c>
      <c r="D33" s="128"/>
      <c r="E33" s="128"/>
      <c r="F33" s="128"/>
      <c r="G33" s="128"/>
      <c r="H33" s="128"/>
      <c r="I33" s="128"/>
      <c r="J33" s="128"/>
      <c r="K33" s="128"/>
      <c r="L33" s="128"/>
      <c r="M33" s="128"/>
      <c r="N33" s="128"/>
      <c r="O33" s="128"/>
      <c r="P33" s="128"/>
      <c r="Q33" s="128"/>
      <c r="R33" s="128"/>
      <c r="S33" s="129"/>
      <c r="T33" s="31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5"/>
      <c r="AG33" s="25"/>
      <c r="AH33" s="25"/>
      <c r="AI33" s="25"/>
      <c r="AJ33" s="25"/>
      <c r="AK33" s="25"/>
      <c r="AL33" s="25"/>
      <c r="AM33" s="25"/>
      <c r="AN33" s="25"/>
      <c r="AO33" s="25"/>
      <c r="AP33" s="25"/>
      <c r="AQ33" s="25"/>
      <c r="AR33" s="25"/>
      <c r="AS33" s="25"/>
      <c r="AT33" s="25"/>
      <c r="AU33" s="25"/>
      <c r="AV33" s="25"/>
      <c r="AW33" s="25"/>
      <c r="AX33" s="25"/>
      <c r="AY33" s="25"/>
      <c r="AZ33" s="25"/>
      <c r="BA33" s="25"/>
      <c r="BB33" s="25"/>
      <c r="BC33" s="25"/>
      <c r="BD33" s="25"/>
      <c r="BE33" s="25"/>
      <c r="BF33" s="25"/>
      <c r="BG33" s="25"/>
      <c r="BH33" s="25"/>
      <c r="BI33" s="25"/>
      <c r="BJ33" s="25"/>
      <c r="BK33" s="25"/>
      <c r="BL33" s="25"/>
      <c r="BM33" s="25"/>
      <c r="BN33" s="25"/>
      <c r="BO33" s="25"/>
    </row>
    <row r="34" spans="1:67" ht="28.5" customHeight="1" x14ac:dyDescent="0.15">
      <c r="A34" s="145" t="s">
        <v>697</v>
      </c>
      <c r="B34" s="134"/>
      <c r="C34" s="146"/>
      <c r="D34" s="97"/>
      <c r="E34" s="98"/>
      <c r="F34" s="98"/>
      <c r="G34" s="98"/>
      <c r="H34" s="98"/>
      <c r="I34" s="98"/>
      <c r="J34" s="98"/>
      <c r="K34" s="98"/>
      <c r="L34" s="98"/>
      <c r="M34" s="98"/>
      <c r="N34" s="98"/>
      <c r="O34" s="98"/>
      <c r="P34" s="98"/>
      <c r="Q34" s="98"/>
      <c r="R34" s="98"/>
      <c r="S34" s="99"/>
      <c r="T34" s="31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25"/>
      <c r="AS34" s="25"/>
      <c r="AT34" s="25"/>
      <c r="AU34" s="25"/>
      <c r="AV34" s="25"/>
      <c r="AW34" s="25"/>
      <c r="AX34" s="25"/>
      <c r="AY34" s="25"/>
      <c r="AZ34" s="25"/>
      <c r="BA34" s="25"/>
      <c r="BB34" s="25"/>
      <c r="BC34" s="25"/>
      <c r="BD34" s="25"/>
      <c r="BE34" s="25"/>
      <c r="BF34" s="25"/>
      <c r="BG34" s="25"/>
      <c r="BH34" s="25"/>
      <c r="BI34" s="25"/>
      <c r="BJ34" s="25"/>
      <c r="BK34" s="25"/>
      <c r="BL34" s="25"/>
      <c r="BM34" s="25"/>
      <c r="BN34" s="25"/>
      <c r="BO34" s="25"/>
    </row>
    <row r="35" spans="1:67" ht="28.5" customHeight="1" thickBot="1" x14ac:dyDescent="0.2">
      <c r="A35" s="100" t="s">
        <v>698</v>
      </c>
      <c r="B35" s="101"/>
      <c r="C35" s="102"/>
      <c r="D35" s="103"/>
      <c r="E35" s="103"/>
      <c r="F35" s="103"/>
      <c r="G35" s="103"/>
      <c r="H35" s="103"/>
      <c r="I35" s="103"/>
      <c r="J35" s="104" t="s">
        <v>422</v>
      </c>
      <c r="K35" s="104"/>
      <c r="L35" s="104"/>
      <c r="M35" s="104"/>
      <c r="N35" s="105"/>
      <c r="O35" s="105"/>
      <c r="P35" s="105"/>
      <c r="Q35" s="105"/>
      <c r="R35" s="105"/>
      <c r="S35" s="106"/>
      <c r="T35" s="31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I35" s="25"/>
      <c r="AJ35" s="25"/>
      <c r="AK35" s="25"/>
      <c r="AL35" s="25"/>
      <c r="AM35" s="25"/>
      <c r="AN35" s="25"/>
      <c r="AO35" s="25"/>
      <c r="AP35" s="25"/>
      <c r="AQ35" s="25"/>
      <c r="AR35" s="25"/>
      <c r="AS35" s="25"/>
      <c r="AT35" s="25"/>
      <c r="AU35" s="25"/>
      <c r="AV35" s="25"/>
      <c r="AW35" s="25"/>
      <c r="AX35" s="25"/>
      <c r="AY35" s="25"/>
      <c r="AZ35" s="25"/>
      <c r="BA35" s="25"/>
      <c r="BB35" s="25"/>
      <c r="BC35" s="25"/>
      <c r="BD35" s="25"/>
      <c r="BE35" s="25"/>
      <c r="BF35" s="25"/>
      <c r="BG35" s="25"/>
      <c r="BH35" s="25"/>
      <c r="BI35" s="25"/>
      <c r="BJ35" s="25"/>
      <c r="BK35" s="25"/>
      <c r="BL35" s="25"/>
      <c r="BM35" s="25"/>
      <c r="BN35" s="25"/>
      <c r="BO35" s="25"/>
    </row>
    <row r="36" spans="1:67" ht="28.5" customHeight="1" x14ac:dyDescent="0.15">
      <c r="A36" s="126" t="s">
        <v>426</v>
      </c>
      <c r="B36" s="127"/>
      <c r="C36" s="45" t="s">
        <v>421</v>
      </c>
      <c r="D36" s="128"/>
      <c r="E36" s="128"/>
      <c r="F36" s="128"/>
      <c r="G36" s="128"/>
      <c r="H36" s="128"/>
      <c r="I36" s="128"/>
      <c r="J36" s="128"/>
      <c r="K36" s="128"/>
      <c r="L36" s="128"/>
      <c r="M36" s="128"/>
      <c r="N36" s="128"/>
      <c r="O36" s="128"/>
      <c r="P36" s="128"/>
      <c r="Q36" s="128"/>
      <c r="R36" s="128"/>
      <c r="S36" s="129"/>
      <c r="T36" s="31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  <c r="AY36" s="25"/>
      <c r="AZ36" s="25"/>
      <c r="BA36" s="25"/>
      <c r="BB36" s="25"/>
      <c r="BC36" s="25"/>
      <c r="BD36" s="25"/>
      <c r="BE36" s="25"/>
      <c r="BF36" s="25"/>
      <c r="BG36" s="25"/>
      <c r="BH36" s="25"/>
      <c r="BI36" s="25"/>
      <c r="BJ36" s="25"/>
      <c r="BK36" s="25"/>
      <c r="BL36" s="25"/>
      <c r="BM36" s="25"/>
      <c r="BN36" s="25"/>
      <c r="BO36" s="25"/>
    </row>
    <row r="37" spans="1:67" ht="28.5" customHeight="1" x14ac:dyDescent="0.15">
      <c r="A37" s="145" t="s">
        <v>697</v>
      </c>
      <c r="B37" s="134"/>
      <c r="C37" s="146"/>
      <c r="D37" s="97"/>
      <c r="E37" s="98"/>
      <c r="F37" s="98"/>
      <c r="G37" s="98"/>
      <c r="H37" s="98"/>
      <c r="I37" s="98"/>
      <c r="J37" s="98"/>
      <c r="K37" s="98"/>
      <c r="L37" s="98"/>
      <c r="M37" s="98"/>
      <c r="N37" s="98"/>
      <c r="O37" s="98"/>
      <c r="P37" s="98"/>
      <c r="Q37" s="98"/>
      <c r="R37" s="98"/>
      <c r="S37" s="99"/>
      <c r="T37" s="31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W37" s="25"/>
      <c r="AX37" s="25"/>
      <c r="AY37" s="25"/>
      <c r="AZ37" s="25"/>
      <c r="BA37" s="25"/>
      <c r="BB37" s="25"/>
      <c r="BC37" s="25"/>
      <c r="BD37" s="25"/>
      <c r="BE37" s="25"/>
      <c r="BF37" s="25"/>
      <c r="BG37" s="25"/>
      <c r="BH37" s="25"/>
      <c r="BI37" s="25"/>
      <c r="BJ37" s="25"/>
      <c r="BK37" s="25"/>
      <c r="BL37" s="25"/>
      <c r="BM37" s="25"/>
      <c r="BN37" s="25"/>
      <c r="BO37" s="25"/>
    </row>
    <row r="38" spans="1:67" ht="28.5" customHeight="1" thickBot="1" x14ac:dyDescent="0.2">
      <c r="A38" s="100" t="s">
        <v>698</v>
      </c>
      <c r="B38" s="101"/>
      <c r="C38" s="102"/>
      <c r="D38" s="103"/>
      <c r="E38" s="103"/>
      <c r="F38" s="103"/>
      <c r="G38" s="103"/>
      <c r="H38" s="103"/>
      <c r="I38" s="103"/>
      <c r="J38" s="104" t="s">
        <v>422</v>
      </c>
      <c r="K38" s="104"/>
      <c r="L38" s="104"/>
      <c r="M38" s="104"/>
      <c r="N38" s="105"/>
      <c r="O38" s="105"/>
      <c r="P38" s="105"/>
      <c r="Q38" s="105"/>
      <c r="R38" s="105"/>
      <c r="S38" s="106"/>
      <c r="T38" s="31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5"/>
      <c r="AG38" s="25"/>
      <c r="AH38" s="25"/>
      <c r="AI38" s="25"/>
      <c r="AJ38" s="25"/>
      <c r="AK38" s="25"/>
      <c r="AL38" s="25"/>
      <c r="AM38" s="25"/>
      <c r="AN38" s="25"/>
      <c r="AO38" s="25"/>
      <c r="AP38" s="25"/>
      <c r="AQ38" s="25"/>
      <c r="AR38" s="25"/>
      <c r="AS38" s="25"/>
      <c r="AT38" s="25"/>
      <c r="AU38" s="25"/>
      <c r="AV38" s="25"/>
      <c r="AW38" s="25"/>
      <c r="AX38" s="25"/>
      <c r="AY38" s="25"/>
      <c r="AZ38" s="25"/>
      <c r="BA38" s="25"/>
      <c r="BB38" s="25"/>
      <c r="BC38" s="25"/>
      <c r="BD38" s="25"/>
      <c r="BE38" s="25"/>
      <c r="BF38" s="25"/>
      <c r="BG38" s="25"/>
      <c r="BH38" s="25"/>
      <c r="BI38" s="25"/>
      <c r="BJ38" s="25"/>
      <c r="BK38" s="25"/>
      <c r="BL38" s="25"/>
      <c r="BM38" s="25"/>
      <c r="BN38" s="25"/>
      <c r="BO38" s="25"/>
    </row>
    <row r="39" spans="1:67" x14ac:dyDescent="0.15">
      <c r="A39" s="25"/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25"/>
      <c r="AI39" s="25"/>
      <c r="AJ39" s="25"/>
      <c r="AK39" s="25"/>
      <c r="AL39" s="25"/>
      <c r="AM39" s="25"/>
      <c r="AN39" s="25"/>
      <c r="AO39" s="25"/>
      <c r="AP39" s="25"/>
      <c r="AQ39" s="25"/>
      <c r="AR39" s="25"/>
      <c r="AS39" s="25"/>
      <c r="AT39" s="25"/>
      <c r="AU39" s="25"/>
      <c r="AV39" s="25"/>
      <c r="AW39" s="25"/>
      <c r="AX39" s="25"/>
      <c r="AY39" s="25"/>
      <c r="AZ39" s="25"/>
      <c r="BA39" s="25"/>
      <c r="BB39" s="25"/>
      <c r="BC39" s="25"/>
      <c r="BD39" s="25"/>
      <c r="BE39" s="25"/>
      <c r="BF39" s="25"/>
      <c r="BG39" s="25"/>
      <c r="BH39" s="25"/>
      <c r="BI39" s="25"/>
      <c r="BJ39" s="25"/>
      <c r="BK39" s="25"/>
      <c r="BL39" s="25"/>
      <c r="BM39" s="25"/>
      <c r="BN39" s="25"/>
      <c r="BO39" s="25"/>
    </row>
    <row r="40" spans="1:67" x14ac:dyDescent="0.15">
      <c r="A40" s="25"/>
      <c r="B40" s="25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5"/>
      <c r="AJ40" s="25"/>
      <c r="AK40" s="25"/>
      <c r="AL40" s="25"/>
      <c r="AM40" s="25"/>
      <c r="AN40" s="25"/>
      <c r="AO40" s="25"/>
      <c r="AP40" s="25"/>
      <c r="AQ40" s="25"/>
      <c r="AR40" s="25"/>
      <c r="AS40" s="25"/>
      <c r="AT40" s="25"/>
      <c r="AU40" s="25"/>
      <c r="AV40" s="25"/>
      <c r="AW40" s="25"/>
      <c r="AX40" s="25"/>
      <c r="AY40" s="25"/>
      <c r="AZ40" s="25"/>
      <c r="BA40" s="25"/>
      <c r="BB40" s="25"/>
      <c r="BC40" s="25"/>
      <c r="BD40" s="25"/>
      <c r="BE40" s="25"/>
      <c r="BF40" s="25"/>
      <c r="BG40" s="25"/>
      <c r="BH40" s="25"/>
      <c r="BI40" s="25"/>
      <c r="BJ40" s="25"/>
      <c r="BK40" s="25"/>
      <c r="BL40" s="25"/>
      <c r="BM40" s="25"/>
      <c r="BN40" s="25"/>
      <c r="BO40" s="25"/>
    </row>
    <row r="41" spans="1:67" x14ac:dyDescent="0.15">
      <c r="A41" s="25"/>
      <c r="B41" s="25"/>
      <c r="C41" s="25"/>
      <c r="D41" s="25"/>
      <c r="E41" s="25"/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25"/>
      <c r="AG41" s="25"/>
      <c r="AH41" s="25"/>
      <c r="AI41" s="25"/>
      <c r="AJ41" s="25"/>
      <c r="AK41" s="25"/>
      <c r="AL41" s="25"/>
      <c r="AM41" s="25"/>
      <c r="AN41" s="25"/>
      <c r="AO41" s="25"/>
      <c r="AP41" s="25"/>
      <c r="AQ41" s="25"/>
      <c r="AR41" s="25"/>
      <c r="AS41" s="25"/>
      <c r="AT41" s="25"/>
      <c r="AU41" s="25"/>
      <c r="AV41" s="25"/>
      <c r="AW41" s="25"/>
      <c r="AX41" s="25"/>
      <c r="AY41" s="25"/>
      <c r="AZ41" s="25"/>
      <c r="BA41" s="25"/>
      <c r="BB41" s="25"/>
      <c r="BC41" s="25"/>
      <c r="BD41" s="25"/>
      <c r="BE41" s="25"/>
      <c r="BF41" s="25"/>
      <c r="BG41" s="25"/>
      <c r="BH41" s="25"/>
      <c r="BI41" s="25"/>
      <c r="BJ41" s="25"/>
      <c r="BK41" s="25"/>
      <c r="BL41" s="25"/>
      <c r="BM41" s="25"/>
      <c r="BN41" s="25"/>
      <c r="BO41" s="25"/>
    </row>
    <row r="42" spans="1:67" x14ac:dyDescent="0.15">
      <c r="A42" s="25"/>
      <c r="B42" s="25"/>
      <c r="C42" s="25"/>
      <c r="D42" s="25"/>
      <c r="E42" s="25"/>
      <c r="F42" s="25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25"/>
      <c r="AG42" s="25"/>
      <c r="AH42" s="25"/>
      <c r="AI42" s="25"/>
      <c r="AJ42" s="25"/>
      <c r="AK42" s="25"/>
      <c r="AL42" s="25"/>
      <c r="AM42" s="25"/>
      <c r="AN42" s="25"/>
      <c r="AO42" s="25"/>
      <c r="AP42" s="25"/>
      <c r="AQ42" s="25"/>
      <c r="AR42" s="25"/>
      <c r="AS42" s="25"/>
      <c r="AT42" s="25"/>
      <c r="AU42" s="25"/>
      <c r="AV42" s="25"/>
      <c r="AW42" s="25"/>
      <c r="AX42" s="25"/>
      <c r="AY42" s="25"/>
      <c r="AZ42" s="25"/>
      <c r="BA42" s="25"/>
      <c r="BB42" s="25"/>
      <c r="BC42" s="25"/>
      <c r="BD42" s="25"/>
      <c r="BE42" s="25"/>
      <c r="BF42" s="25"/>
      <c r="BG42" s="25"/>
      <c r="BH42" s="25"/>
      <c r="BI42" s="25"/>
      <c r="BJ42" s="25"/>
      <c r="BK42" s="25"/>
      <c r="BL42" s="25"/>
      <c r="BM42" s="25"/>
      <c r="BN42" s="25"/>
      <c r="BO42" s="25"/>
    </row>
    <row r="43" spans="1:67" x14ac:dyDescent="0.15">
      <c r="A43" s="25"/>
      <c r="B43" s="25"/>
      <c r="C43" s="25"/>
      <c r="D43" s="25"/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25"/>
      <c r="Z43" s="25"/>
      <c r="AA43" s="25"/>
      <c r="AB43" s="25"/>
      <c r="AC43" s="25"/>
      <c r="AD43" s="25"/>
      <c r="AE43" s="25"/>
      <c r="AF43" s="25"/>
      <c r="AG43" s="25"/>
      <c r="AH43" s="25"/>
      <c r="AI43" s="25"/>
      <c r="AJ43" s="25"/>
      <c r="AK43" s="25"/>
      <c r="AL43" s="25"/>
      <c r="AM43" s="25"/>
      <c r="AN43" s="25"/>
      <c r="AO43" s="25"/>
      <c r="AP43" s="25"/>
      <c r="AQ43" s="25"/>
      <c r="AR43" s="25"/>
      <c r="AS43" s="25"/>
      <c r="AT43" s="25"/>
      <c r="AU43" s="25"/>
      <c r="AV43" s="25"/>
      <c r="AW43" s="25"/>
      <c r="AX43" s="25"/>
      <c r="AY43" s="25"/>
      <c r="AZ43" s="25"/>
      <c r="BA43" s="25"/>
      <c r="BB43" s="25"/>
      <c r="BC43" s="25"/>
      <c r="BD43" s="25"/>
      <c r="BE43" s="25"/>
      <c r="BF43" s="25"/>
      <c r="BG43" s="25"/>
      <c r="BH43" s="25"/>
      <c r="BI43" s="25"/>
      <c r="BJ43" s="25"/>
      <c r="BK43" s="25"/>
      <c r="BL43" s="25"/>
      <c r="BM43" s="25"/>
      <c r="BN43" s="25"/>
      <c r="BO43" s="25"/>
    </row>
    <row r="44" spans="1:67" x14ac:dyDescent="0.15">
      <c r="A44" s="25"/>
      <c r="B44" s="25"/>
      <c r="C44" s="25"/>
      <c r="D44" s="25"/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5"/>
      <c r="W44" s="25"/>
      <c r="X44" s="25"/>
      <c r="Y44" s="25"/>
      <c r="Z44" s="25"/>
      <c r="AA44" s="25"/>
      <c r="AB44" s="25"/>
      <c r="AC44" s="25"/>
      <c r="AD44" s="25"/>
      <c r="AE44" s="25"/>
      <c r="AF44" s="25"/>
      <c r="AG44" s="25"/>
      <c r="AH44" s="25"/>
      <c r="AI44" s="25"/>
      <c r="AJ44" s="25"/>
      <c r="AK44" s="25"/>
      <c r="AL44" s="25"/>
      <c r="AM44" s="25"/>
      <c r="AN44" s="25"/>
      <c r="AO44" s="25"/>
      <c r="AP44" s="25"/>
      <c r="AQ44" s="25"/>
      <c r="AR44" s="25"/>
      <c r="AS44" s="25"/>
      <c r="AT44" s="25"/>
      <c r="AU44" s="25"/>
      <c r="AV44" s="25"/>
      <c r="AW44" s="25"/>
      <c r="AX44" s="25"/>
      <c r="AY44" s="25"/>
      <c r="AZ44" s="25"/>
      <c r="BA44" s="25"/>
      <c r="BB44" s="25"/>
      <c r="BC44" s="25"/>
      <c r="BD44" s="25"/>
      <c r="BE44" s="25"/>
      <c r="BF44" s="25"/>
      <c r="BG44" s="25"/>
      <c r="BH44" s="25"/>
      <c r="BI44" s="25"/>
      <c r="BJ44" s="25"/>
      <c r="BK44" s="25"/>
      <c r="BL44" s="25"/>
      <c r="BM44" s="25"/>
      <c r="BN44" s="25"/>
      <c r="BO44" s="25"/>
    </row>
    <row r="45" spans="1:67" x14ac:dyDescent="0.15">
      <c r="A45" s="25"/>
      <c r="B45" s="25"/>
      <c r="C45" s="25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25"/>
      <c r="AG45" s="25"/>
      <c r="AH45" s="25"/>
      <c r="AI45" s="25"/>
      <c r="AJ45" s="25"/>
      <c r="AK45" s="25"/>
      <c r="AL45" s="25"/>
      <c r="AM45" s="25"/>
      <c r="AN45" s="25"/>
      <c r="AO45" s="25"/>
      <c r="AP45" s="25"/>
      <c r="AQ45" s="25"/>
      <c r="AR45" s="25"/>
      <c r="AS45" s="25"/>
      <c r="AT45" s="25"/>
      <c r="AU45" s="25"/>
      <c r="AV45" s="25"/>
      <c r="AW45" s="25"/>
      <c r="AX45" s="25"/>
      <c r="AY45" s="25"/>
      <c r="AZ45" s="25"/>
      <c r="BA45" s="25"/>
      <c r="BB45" s="25"/>
      <c r="BC45" s="25"/>
      <c r="BD45" s="25"/>
      <c r="BE45" s="25"/>
      <c r="BF45" s="25"/>
      <c r="BG45" s="25"/>
      <c r="BH45" s="25"/>
      <c r="BI45" s="25"/>
      <c r="BJ45" s="25"/>
      <c r="BK45" s="25"/>
      <c r="BL45" s="25"/>
      <c r="BM45" s="25"/>
      <c r="BN45" s="25"/>
      <c r="BO45" s="25"/>
    </row>
    <row r="46" spans="1:67" x14ac:dyDescent="0.15">
      <c r="A46" s="25"/>
      <c r="B46" s="25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5"/>
      <c r="AG46" s="25"/>
      <c r="AH46" s="25"/>
      <c r="AI46" s="25"/>
      <c r="AJ46" s="25"/>
      <c r="AK46" s="25"/>
      <c r="AL46" s="25"/>
      <c r="AM46" s="25"/>
      <c r="AN46" s="25"/>
      <c r="AO46" s="25"/>
      <c r="AP46" s="25"/>
      <c r="AQ46" s="25"/>
      <c r="AR46" s="25"/>
      <c r="AS46" s="25"/>
      <c r="AT46" s="25"/>
      <c r="AU46" s="25"/>
      <c r="AV46" s="25"/>
      <c r="AW46" s="25"/>
      <c r="AX46" s="25"/>
      <c r="AY46" s="25"/>
      <c r="AZ46" s="25"/>
      <c r="BA46" s="25"/>
      <c r="BB46" s="25"/>
      <c r="BC46" s="25"/>
      <c r="BD46" s="25"/>
      <c r="BE46" s="25"/>
      <c r="BF46" s="25"/>
      <c r="BG46" s="25"/>
      <c r="BH46" s="25"/>
      <c r="BI46" s="25"/>
      <c r="BJ46" s="25"/>
      <c r="BK46" s="25"/>
      <c r="BL46" s="25"/>
      <c r="BM46" s="25"/>
      <c r="BN46" s="25"/>
      <c r="BO46" s="25"/>
    </row>
    <row r="47" spans="1:67" x14ac:dyDescent="0.15">
      <c r="A47" s="25"/>
      <c r="B47" s="25"/>
      <c r="C47" s="25"/>
      <c r="D47" s="25"/>
      <c r="E47" s="25"/>
      <c r="F47" s="25"/>
      <c r="G47" s="25"/>
      <c r="H47" s="25"/>
      <c r="I47" s="25"/>
      <c r="J47" s="25"/>
      <c r="K47" s="25"/>
      <c r="L47" s="25"/>
      <c r="M47" s="25"/>
      <c r="N47" s="25"/>
      <c r="O47" s="25"/>
      <c r="P47" s="25"/>
      <c r="Q47" s="25"/>
      <c r="R47" s="25"/>
      <c r="S47" s="25"/>
      <c r="T47" s="25"/>
      <c r="U47" s="25"/>
      <c r="V47" s="25"/>
      <c r="W47" s="25"/>
      <c r="X47" s="25"/>
      <c r="Y47" s="25"/>
      <c r="Z47" s="25"/>
      <c r="AA47" s="25"/>
      <c r="AB47" s="25"/>
      <c r="AC47" s="25"/>
      <c r="AD47" s="25"/>
      <c r="AE47" s="25"/>
      <c r="AF47" s="25"/>
      <c r="AG47" s="25"/>
      <c r="AH47" s="25"/>
      <c r="AI47" s="25"/>
      <c r="AJ47" s="25"/>
      <c r="AK47" s="25"/>
      <c r="AL47" s="25"/>
      <c r="AM47" s="25"/>
      <c r="AN47" s="25"/>
      <c r="AO47" s="25"/>
      <c r="AP47" s="25"/>
      <c r="AQ47" s="25"/>
      <c r="AR47" s="25"/>
      <c r="AS47" s="25"/>
      <c r="AT47" s="25"/>
      <c r="AU47" s="25"/>
      <c r="AV47" s="25"/>
      <c r="AW47" s="25"/>
      <c r="AX47" s="25"/>
      <c r="AY47" s="25"/>
      <c r="AZ47" s="25"/>
      <c r="BA47" s="25"/>
      <c r="BB47" s="25"/>
      <c r="BC47" s="25"/>
      <c r="BD47" s="25"/>
      <c r="BE47" s="25"/>
      <c r="BF47" s="25"/>
      <c r="BG47" s="25"/>
      <c r="BH47" s="25"/>
      <c r="BI47" s="25"/>
      <c r="BJ47" s="25"/>
      <c r="BK47" s="25"/>
      <c r="BL47" s="25"/>
      <c r="BM47" s="25"/>
      <c r="BN47" s="25"/>
      <c r="BO47" s="25"/>
    </row>
    <row r="48" spans="1:67" x14ac:dyDescent="0.15">
      <c r="A48" s="25"/>
      <c r="B48" s="25"/>
      <c r="C48" s="25"/>
      <c r="D48" s="25"/>
      <c r="E48" s="25"/>
      <c r="F48" s="25"/>
      <c r="G48" s="25"/>
      <c r="H48" s="25"/>
      <c r="I48" s="25"/>
      <c r="J48" s="25"/>
      <c r="K48" s="25"/>
      <c r="L48" s="25"/>
      <c r="M48" s="25"/>
      <c r="N48" s="25"/>
      <c r="O48" s="25"/>
      <c r="P48" s="25"/>
      <c r="Q48" s="25"/>
      <c r="R48" s="25"/>
      <c r="S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25"/>
      <c r="AG48" s="25"/>
      <c r="AH48" s="25"/>
      <c r="AI48" s="25"/>
      <c r="AJ48" s="25"/>
      <c r="AK48" s="25"/>
      <c r="AL48" s="25"/>
      <c r="AM48" s="25"/>
      <c r="AN48" s="25"/>
      <c r="AO48" s="25"/>
      <c r="AP48" s="25"/>
      <c r="AQ48" s="25"/>
      <c r="AR48" s="25"/>
      <c r="AS48" s="25"/>
      <c r="AT48" s="25"/>
      <c r="AU48" s="25"/>
      <c r="AV48" s="25"/>
      <c r="AW48" s="25"/>
      <c r="AX48" s="25"/>
      <c r="AY48" s="25"/>
      <c r="AZ48" s="25"/>
      <c r="BA48" s="25"/>
      <c r="BB48" s="25"/>
      <c r="BC48" s="25"/>
      <c r="BD48" s="25"/>
      <c r="BE48" s="25"/>
      <c r="BF48" s="25"/>
      <c r="BG48" s="25"/>
      <c r="BH48" s="25"/>
      <c r="BI48" s="25"/>
      <c r="BJ48" s="25"/>
      <c r="BK48" s="25"/>
      <c r="BL48" s="25"/>
      <c r="BM48" s="25"/>
      <c r="BN48" s="25"/>
      <c r="BO48" s="25"/>
    </row>
    <row r="49" spans="1:67" x14ac:dyDescent="0.15">
      <c r="A49" s="25"/>
      <c r="B49" s="25"/>
      <c r="C49" s="25"/>
      <c r="D49" s="25"/>
      <c r="E49" s="25"/>
      <c r="F49" s="25"/>
      <c r="G49" s="25"/>
      <c r="H49" s="25"/>
      <c r="I49" s="25"/>
      <c r="J49" s="25"/>
      <c r="K49" s="25"/>
      <c r="L49" s="25"/>
      <c r="M49" s="25"/>
      <c r="N49" s="25"/>
      <c r="O49" s="25"/>
      <c r="P49" s="25"/>
      <c r="Q49" s="25"/>
      <c r="R49" s="25"/>
      <c r="S49" s="25"/>
      <c r="T49" s="25"/>
      <c r="U49" s="25"/>
      <c r="V49" s="25"/>
      <c r="W49" s="25"/>
      <c r="X49" s="25"/>
      <c r="Y49" s="25"/>
      <c r="Z49" s="25"/>
      <c r="AA49" s="25"/>
      <c r="AB49" s="25"/>
      <c r="AC49" s="25"/>
      <c r="AD49" s="25"/>
      <c r="AE49" s="25"/>
      <c r="AF49" s="25"/>
      <c r="AG49" s="25"/>
      <c r="AH49" s="25"/>
      <c r="AI49" s="25"/>
      <c r="AJ49" s="25"/>
      <c r="AK49" s="25"/>
      <c r="AL49" s="25"/>
      <c r="AM49" s="25"/>
      <c r="AN49" s="25"/>
      <c r="AO49" s="25"/>
      <c r="AP49" s="25"/>
      <c r="AQ49" s="25"/>
      <c r="AR49" s="25"/>
      <c r="AS49" s="25"/>
      <c r="AT49" s="25"/>
      <c r="AU49" s="25"/>
      <c r="AV49" s="25"/>
      <c r="AW49" s="25"/>
      <c r="AX49" s="25"/>
      <c r="AY49" s="25"/>
      <c r="AZ49" s="25"/>
      <c r="BA49" s="25"/>
      <c r="BB49" s="25"/>
      <c r="BC49" s="25"/>
      <c r="BD49" s="25"/>
      <c r="BE49" s="25"/>
      <c r="BF49" s="25"/>
      <c r="BG49" s="25"/>
      <c r="BH49" s="25"/>
      <c r="BI49" s="25"/>
      <c r="BJ49" s="25"/>
      <c r="BK49" s="25"/>
      <c r="BL49" s="25"/>
      <c r="BM49" s="25"/>
      <c r="BN49" s="25"/>
      <c r="BO49" s="25"/>
    </row>
    <row r="50" spans="1:67" x14ac:dyDescent="0.15">
      <c r="A50" s="25"/>
      <c r="B50" s="25"/>
      <c r="C50" s="25"/>
      <c r="D50" s="25"/>
      <c r="E50" s="25"/>
      <c r="F50" s="25"/>
      <c r="G50" s="25"/>
      <c r="H50" s="25"/>
      <c r="I50" s="25"/>
      <c r="J50" s="25"/>
      <c r="K50" s="25"/>
      <c r="L50" s="25"/>
      <c r="M50" s="25"/>
      <c r="N50" s="25"/>
      <c r="O50" s="25"/>
      <c r="P50" s="25"/>
      <c r="Q50" s="25"/>
      <c r="R50" s="25"/>
      <c r="S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25"/>
      <c r="AG50" s="25"/>
      <c r="AH50" s="25"/>
      <c r="AI50" s="25"/>
      <c r="AJ50" s="25"/>
      <c r="AK50" s="25"/>
      <c r="AL50" s="25"/>
      <c r="AM50" s="25"/>
      <c r="AN50" s="25"/>
      <c r="AO50" s="25"/>
      <c r="AP50" s="25"/>
      <c r="AQ50" s="25"/>
      <c r="AR50" s="25"/>
      <c r="AS50" s="25"/>
      <c r="AT50" s="25"/>
      <c r="AU50" s="25"/>
      <c r="AV50" s="25"/>
      <c r="AW50" s="25"/>
      <c r="AX50" s="25"/>
      <c r="AY50" s="25"/>
      <c r="AZ50" s="25"/>
      <c r="BA50" s="25"/>
      <c r="BB50" s="25"/>
      <c r="BC50" s="25"/>
      <c r="BD50" s="25"/>
      <c r="BE50" s="25"/>
      <c r="BF50" s="25"/>
      <c r="BG50" s="25"/>
      <c r="BH50" s="25"/>
      <c r="BI50" s="25"/>
      <c r="BJ50" s="25"/>
      <c r="BK50" s="25"/>
      <c r="BL50" s="25"/>
      <c r="BM50" s="25"/>
      <c r="BN50" s="25"/>
      <c r="BO50" s="25"/>
    </row>
    <row r="51" spans="1:67" x14ac:dyDescent="0.15">
      <c r="A51" s="25"/>
      <c r="B51" s="25"/>
      <c r="C51" s="25"/>
      <c r="D51" s="25"/>
      <c r="E51" s="25"/>
      <c r="F51" s="25"/>
      <c r="G51" s="25"/>
      <c r="H51" s="25"/>
      <c r="I51" s="25"/>
      <c r="J51" s="25"/>
      <c r="K51" s="25"/>
      <c r="L51" s="25"/>
      <c r="M51" s="25"/>
      <c r="N51" s="25"/>
      <c r="O51" s="25"/>
      <c r="P51" s="25"/>
      <c r="Q51" s="25"/>
      <c r="R51" s="25"/>
      <c r="S51" s="25"/>
      <c r="T51" s="25"/>
      <c r="U51" s="25"/>
      <c r="V51" s="25"/>
      <c r="W51" s="25"/>
      <c r="X51" s="25"/>
      <c r="Y51" s="25"/>
      <c r="Z51" s="25"/>
      <c r="AA51" s="25"/>
      <c r="AB51" s="25"/>
      <c r="AC51" s="25"/>
      <c r="AD51" s="25"/>
      <c r="AE51" s="25"/>
      <c r="AF51" s="25"/>
      <c r="AG51" s="25"/>
      <c r="AH51" s="25"/>
      <c r="AI51" s="25"/>
      <c r="AJ51" s="25"/>
      <c r="AK51" s="25"/>
      <c r="AL51" s="25"/>
      <c r="AM51" s="25"/>
      <c r="AN51" s="25"/>
      <c r="AO51" s="25"/>
      <c r="AP51" s="25"/>
      <c r="AQ51" s="25"/>
      <c r="AR51" s="25"/>
      <c r="AS51" s="25"/>
      <c r="AT51" s="25"/>
      <c r="AU51" s="25"/>
      <c r="AV51" s="25"/>
      <c r="AW51" s="25"/>
      <c r="AX51" s="25"/>
      <c r="AY51" s="25"/>
      <c r="AZ51" s="25"/>
      <c r="BA51" s="25"/>
      <c r="BB51" s="25"/>
      <c r="BC51" s="25"/>
      <c r="BD51" s="25"/>
      <c r="BE51" s="25"/>
      <c r="BF51" s="25"/>
      <c r="BG51" s="25"/>
      <c r="BH51" s="25"/>
      <c r="BI51" s="25"/>
      <c r="BJ51" s="25"/>
      <c r="BK51" s="25"/>
      <c r="BL51" s="25"/>
      <c r="BM51" s="25"/>
      <c r="BN51" s="25"/>
      <c r="BO51" s="25"/>
    </row>
    <row r="52" spans="1:67" x14ac:dyDescent="0.15">
      <c r="A52" s="25"/>
      <c r="B52" s="25"/>
      <c r="C52" s="25"/>
      <c r="D52" s="25"/>
      <c r="E52" s="25"/>
      <c r="F52" s="25"/>
      <c r="G52" s="25"/>
      <c r="H52" s="25"/>
      <c r="I52" s="25"/>
      <c r="J52" s="25"/>
      <c r="K52" s="25"/>
      <c r="L52" s="25"/>
      <c r="M52" s="25"/>
      <c r="N52" s="25"/>
      <c r="O52" s="25"/>
      <c r="P52" s="25"/>
      <c r="Q52" s="25"/>
      <c r="R52" s="25"/>
      <c r="S52" s="25"/>
      <c r="T52" s="25"/>
      <c r="U52" s="25"/>
      <c r="V52" s="25"/>
      <c r="W52" s="25"/>
      <c r="X52" s="25"/>
      <c r="Y52" s="25"/>
      <c r="Z52" s="25"/>
      <c r="AA52" s="25"/>
      <c r="AB52" s="25"/>
      <c r="AC52" s="25"/>
      <c r="AD52" s="25"/>
      <c r="AE52" s="25"/>
      <c r="AF52" s="25"/>
      <c r="AG52" s="25"/>
      <c r="AH52" s="25"/>
      <c r="AI52" s="25"/>
      <c r="AJ52" s="25"/>
      <c r="AK52" s="25"/>
      <c r="AL52" s="25"/>
      <c r="AM52" s="25"/>
      <c r="AN52" s="25"/>
      <c r="AO52" s="25"/>
      <c r="AP52" s="25"/>
      <c r="AQ52" s="25"/>
      <c r="AR52" s="25"/>
      <c r="AS52" s="25"/>
      <c r="AT52" s="25"/>
      <c r="AU52" s="25"/>
      <c r="AV52" s="25"/>
      <c r="AW52" s="25"/>
      <c r="AX52" s="25"/>
      <c r="AY52" s="25"/>
      <c r="AZ52" s="25"/>
      <c r="BA52" s="25"/>
      <c r="BB52" s="25"/>
      <c r="BC52" s="25"/>
      <c r="BD52" s="25"/>
      <c r="BE52" s="25"/>
      <c r="BF52" s="25"/>
      <c r="BG52" s="25"/>
      <c r="BH52" s="25"/>
      <c r="BI52" s="25"/>
      <c r="BJ52" s="25"/>
      <c r="BK52" s="25"/>
      <c r="BL52" s="25"/>
      <c r="BM52" s="25"/>
      <c r="BN52" s="25"/>
      <c r="BO52" s="25"/>
    </row>
    <row r="53" spans="1:67" x14ac:dyDescent="0.15">
      <c r="A53" s="25"/>
      <c r="B53" s="25"/>
      <c r="C53" s="25"/>
      <c r="D53" s="25"/>
      <c r="E53" s="25"/>
      <c r="F53" s="25"/>
      <c r="G53" s="25"/>
      <c r="H53" s="25"/>
      <c r="I53" s="25"/>
      <c r="J53" s="25"/>
      <c r="K53" s="25"/>
      <c r="L53" s="25"/>
      <c r="M53" s="25"/>
      <c r="N53" s="25"/>
      <c r="O53" s="25"/>
      <c r="P53" s="25"/>
      <c r="Q53" s="25"/>
      <c r="R53" s="25"/>
      <c r="S53" s="25"/>
      <c r="T53" s="25"/>
      <c r="U53" s="25"/>
      <c r="V53" s="25"/>
      <c r="W53" s="25"/>
      <c r="X53" s="25"/>
      <c r="Y53" s="25"/>
      <c r="Z53" s="25"/>
      <c r="AA53" s="25"/>
      <c r="AB53" s="25"/>
      <c r="AC53" s="25"/>
      <c r="AD53" s="25"/>
      <c r="AE53" s="25"/>
      <c r="AF53" s="25"/>
      <c r="AG53" s="25"/>
      <c r="AH53" s="25"/>
      <c r="AI53" s="25"/>
      <c r="AJ53" s="25"/>
      <c r="AK53" s="25"/>
      <c r="AL53" s="25"/>
      <c r="AM53" s="25"/>
      <c r="AN53" s="25"/>
      <c r="AO53" s="25"/>
      <c r="AP53" s="25"/>
      <c r="AQ53" s="25"/>
      <c r="AR53" s="25"/>
      <c r="AS53" s="25"/>
      <c r="AT53" s="25"/>
      <c r="AU53" s="25"/>
      <c r="AV53" s="25"/>
      <c r="AW53" s="25"/>
      <c r="AX53" s="25"/>
      <c r="AY53" s="25"/>
      <c r="AZ53" s="25"/>
      <c r="BA53" s="25"/>
      <c r="BB53" s="25"/>
      <c r="BC53" s="25"/>
      <c r="BD53" s="25"/>
      <c r="BE53" s="25"/>
      <c r="BF53" s="25"/>
      <c r="BG53" s="25"/>
      <c r="BH53" s="25"/>
      <c r="BI53" s="25"/>
      <c r="BJ53" s="25"/>
      <c r="BK53" s="25"/>
      <c r="BL53" s="25"/>
      <c r="BM53" s="25"/>
      <c r="BN53" s="25"/>
      <c r="BO53" s="25"/>
    </row>
    <row r="54" spans="1:67" x14ac:dyDescent="0.15">
      <c r="A54" s="25"/>
      <c r="B54" s="25"/>
      <c r="C54" s="25"/>
      <c r="D54" s="25"/>
      <c r="E54" s="25"/>
      <c r="F54" s="25"/>
      <c r="G54" s="25"/>
      <c r="H54" s="25"/>
      <c r="I54" s="25"/>
      <c r="J54" s="25"/>
      <c r="K54" s="25"/>
      <c r="L54" s="25"/>
      <c r="M54" s="25"/>
      <c r="N54" s="25"/>
      <c r="O54" s="25"/>
      <c r="P54" s="25"/>
      <c r="Q54" s="25"/>
      <c r="R54" s="25"/>
      <c r="S54" s="25"/>
      <c r="T54" s="25"/>
      <c r="U54" s="25"/>
      <c r="V54" s="25"/>
      <c r="W54" s="25"/>
      <c r="X54" s="25"/>
      <c r="Y54" s="25"/>
      <c r="Z54" s="25"/>
      <c r="AA54" s="25"/>
      <c r="AB54" s="25"/>
      <c r="AC54" s="25"/>
      <c r="AD54" s="25"/>
      <c r="AE54" s="25"/>
      <c r="AF54" s="25"/>
      <c r="AG54" s="25"/>
      <c r="AH54" s="25"/>
      <c r="AI54" s="25"/>
      <c r="AJ54" s="25"/>
      <c r="AK54" s="25"/>
      <c r="AL54" s="25"/>
      <c r="AM54" s="25"/>
      <c r="AN54" s="25"/>
      <c r="AO54" s="25"/>
      <c r="AP54" s="25"/>
      <c r="AQ54" s="25"/>
      <c r="AR54" s="25"/>
      <c r="AS54" s="25"/>
      <c r="AT54" s="25"/>
      <c r="AU54" s="25"/>
      <c r="AV54" s="25"/>
      <c r="AW54" s="25"/>
      <c r="AX54" s="25"/>
      <c r="AY54" s="25"/>
      <c r="AZ54" s="25"/>
      <c r="BA54" s="25"/>
      <c r="BB54" s="25"/>
      <c r="BC54" s="25"/>
      <c r="BD54" s="25"/>
      <c r="BE54" s="25"/>
      <c r="BF54" s="25"/>
      <c r="BG54" s="25"/>
      <c r="BH54" s="25"/>
      <c r="BI54" s="25"/>
      <c r="BJ54" s="25"/>
      <c r="BK54" s="25"/>
      <c r="BL54" s="25"/>
      <c r="BM54" s="25"/>
      <c r="BN54" s="25"/>
      <c r="BO54" s="25"/>
    </row>
    <row r="55" spans="1:67" x14ac:dyDescent="0.15">
      <c r="A55" s="25"/>
      <c r="B55" s="25"/>
      <c r="C55" s="25"/>
      <c r="D55" s="25"/>
      <c r="E55" s="25"/>
      <c r="F55" s="25"/>
      <c r="G55" s="25"/>
      <c r="H55" s="25"/>
      <c r="I55" s="25"/>
      <c r="J55" s="25"/>
      <c r="K55" s="25"/>
      <c r="L55" s="25"/>
      <c r="M55" s="25"/>
      <c r="N55" s="25"/>
      <c r="O55" s="25"/>
      <c r="P55" s="25"/>
      <c r="Q55" s="25"/>
      <c r="R55" s="25"/>
      <c r="S55" s="25"/>
      <c r="T55" s="25"/>
      <c r="U55" s="25"/>
      <c r="V55" s="25"/>
      <c r="W55" s="25"/>
      <c r="X55" s="25"/>
      <c r="Y55" s="25"/>
      <c r="Z55" s="25"/>
      <c r="AA55" s="25"/>
      <c r="AB55" s="25"/>
      <c r="AC55" s="25"/>
      <c r="AD55" s="25"/>
      <c r="AE55" s="25"/>
      <c r="AF55" s="25"/>
      <c r="AG55" s="25"/>
      <c r="AH55" s="25"/>
      <c r="AI55" s="25"/>
      <c r="AJ55" s="25"/>
      <c r="AK55" s="25"/>
      <c r="AL55" s="25"/>
      <c r="AM55" s="25"/>
      <c r="AN55" s="25"/>
      <c r="AO55" s="25"/>
      <c r="AP55" s="25"/>
      <c r="AQ55" s="25"/>
      <c r="AR55" s="25"/>
      <c r="AS55" s="25"/>
      <c r="AT55" s="25"/>
      <c r="AU55" s="25"/>
      <c r="AV55" s="25"/>
      <c r="AW55" s="25"/>
      <c r="AX55" s="25"/>
      <c r="AY55" s="25"/>
      <c r="AZ55" s="25"/>
      <c r="BA55" s="25"/>
      <c r="BB55" s="25"/>
      <c r="BC55" s="25"/>
      <c r="BD55" s="25"/>
      <c r="BE55" s="25"/>
      <c r="BF55" s="25"/>
      <c r="BG55" s="25"/>
      <c r="BH55" s="25"/>
      <c r="BI55" s="25"/>
      <c r="BJ55" s="25"/>
      <c r="BK55" s="25"/>
      <c r="BL55" s="25"/>
      <c r="BM55" s="25"/>
      <c r="BN55" s="25"/>
      <c r="BO55" s="25"/>
    </row>
    <row r="56" spans="1:67" x14ac:dyDescent="0.15">
      <c r="A56" s="25"/>
      <c r="B56" s="25"/>
      <c r="C56" s="25"/>
      <c r="D56" s="25"/>
      <c r="E56" s="25"/>
      <c r="F56" s="25"/>
      <c r="G56" s="25"/>
      <c r="H56" s="25"/>
      <c r="I56" s="25"/>
      <c r="J56" s="25"/>
      <c r="K56" s="25"/>
      <c r="L56" s="25"/>
      <c r="M56" s="25"/>
      <c r="N56" s="25"/>
      <c r="O56" s="25"/>
      <c r="P56" s="25"/>
      <c r="Q56" s="25"/>
      <c r="R56" s="25"/>
      <c r="S56" s="25"/>
      <c r="T56" s="25"/>
      <c r="U56" s="25"/>
      <c r="V56" s="25"/>
      <c r="W56" s="25"/>
      <c r="X56" s="25"/>
      <c r="Y56" s="25"/>
      <c r="Z56" s="25"/>
      <c r="AA56" s="25"/>
      <c r="AB56" s="25"/>
      <c r="AC56" s="25"/>
      <c r="AD56" s="25"/>
      <c r="AE56" s="25"/>
      <c r="AF56" s="25"/>
      <c r="AG56" s="25"/>
      <c r="AH56" s="25"/>
      <c r="AI56" s="25"/>
      <c r="AJ56" s="25"/>
      <c r="AK56" s="25"/>
      <c r="AL56" s="25"/>
      <c r="AM56" s="25"/>
      <c r="AN56" s="25"/>
      <c r="AO56" s="25"/>
      <c r="AP56" s="25"/>
      <c r="AQ56" s="25"/>
      <c r="AR56" s="25"/>
      <c r="AS56" s="25"/>
      <c r="AT56" s="25"/>
      <c r="AU56" s="25"/>
      <c r="AV56" s="25"/>
      <c r="AW56" s="25"/>
      <c r="AX56" s="25"/>
      <c r="AY56" s="25"/>
      <c r="AZ56" s="25"/>
      <c r="BA56" s="25"/>
      <c r="BB56" s="25"/>
      <c r="BC56" s="25"/>
      <c r="BD56" s="25"/>
      <c r="BE56" s="25"/>
      <c r="BF56" s="25"/>
      <c r="BG56" s="25"/>
      <c r="BH56" s="25"/>
      <c r="BI56" s="25"/>
      <c r="BJ56" s="25"/>
      <c r="BK56" s="25"/>
      <c r="BL56" s="25"/>
      <c r="BM56" s="25"/>
      <c r="BN56" s="25"/>
      <c r="BO56" s="25"/>
    </row>
    <row r="57" spans="1:67" x14ac:dyDescent="0.15">
      <c r="A57" s="25"/>
      <c r="B57" s="25"/>
      <c r="C57" s="25"/>
      <c r="D57" s="25"/>
      <c r="E57" s="25"/>
      <c r="F57" s="25"/>
      <c r="G57" s="25"/>
      <c r="H57" s="25"/>
      <c r="I57" s="25"/>
      <c r="J57" s="25"/>
      <c r="K57" s="25"/>
      <c r="L57" s="25"/>
      <c r="M57" s="25"/>
      <c r="N57" s="25"/>
      <c r="O57" s="25"/>
      <c r="P57" s="25"/>
      <c r="Q57" s="25"/>
      <c r="R57" s="25"/>
      <c r="S57" s="25"/>
      <c r="T57" s="25"/>
      <c r="U57" s="25"/>
      <c r="V57" s="25"/>
      <c r="W57" s="25"/>
      <c r="X57" s="25"/>
      <c r="Y57" s="25"/>
      <c r="Z57" s="25"/>
      <c r="AA57" s="25"/>
      <c r="AB57" s="25"/>
      <c r="AC57" s="25"/>
      <c r="AD57" s="25"/>
      <c r="AE57" s="25"/>
      <c r="AF57" s="25"/>
      <c r="AG57" s="25"/>
      <c r="AH57" s="25"/>
      <c r="AI57" s="25"/>
      <c r="AJ57" s="25"/>
      <c r="AK57" s="25"/>
      <c r="AL57" s="25"/>
      <c r="AM57" s="25"/>
      <c r="AN57" s="25"/>
      <c r="AO57" s="25"/>
      <c r="AP57" s="25"/>
      <c r="AQ57" s="25"/>
      <c r="AR57" s="25"/>
      <c r="AS57" s="25"/>
      <c r="AT57" s="25"/>
      <c r="AU57" s="25"/>
      <c r="AV57" s="25"/>
      <c r="AW57" s="25"/>
      <c r="AX57" s="25"/>
      <c r="AY57" s="25"/>
      <c r="AZ57" s="25"/>
      <c r="BA57" s="25"/>
      <c r="BB57" s="25"/>
      <c r="BC57" s="25"/>
      <c r="BD57" s="25"/>
      <c r="BE57" s="25"/>
      <c r="BF57" s="25"/>
      <c r="BG57" s="25"/>
      <c r="BH57" s="25"/>
      <c r="BI57" s="25"/>
      <c r="BJ57" s="25"/>
      <c r="BK57" s="25"/>
      <c r="BL57" s="25"/>
      <c r="BM57" s="25"/>
      <c r="BN57" s="25"/>
      <c r="BO57" s="25"/>
    </row>
    <row r="58" spans="1:67" x14ac:dyDescent="0.15">
      <c r="A58" s="25"/>
      <c r="B58" s="25"/>
      <c r="C58" s="25"/>
      <c r="D58" s="25"/>
      <c r="E58" s="25"/>
      <c r="F58" s="25"/>
      <c r="G58" s="25"/>
      <c r="H58" s="25"/>
      <c r="I58" s="25"/>
      <c r="J58" s="25"/>
      <c r="K58" s="25"/>
      <c r="L58" s="25"/>
      <c r="M58" s="25"/>
      <c r="N58" s="25"/>
      <c r="O58" s="25"/>
      <c r="P58" s="25"/>
      <c r="Q58" s="25"/>
      <c r="R58" s="25"/>
      <c r="S58" s="25"/>
      <c r="T58" s="25"/>
      <c r="U58" s="25"/>
      <c r="V58" s="25"/>
      <c r="W58" s="25"/>
      <c r="X58" s="25"/>
      <c r="Y58" s="25"/>
      <c r="Z58" s="25"/>
      <c r="AA58" s="25"/>
      <c r="AB58" s="25"/>
      <c r="AC58" s="25"/>
      <c r="AD58" s="25"/>
      <c r="AE58" s="25"/>
      <c r="AF58" s="25"/>
      <c r="AG58" s="25"/>
      <c r="AH58" s="25"/>
      <c r="AI58" s="25"/>
      <c r="AJ58" s="25"/>
      <c r="AK58" s="25"/>
      <c r="AL58" s="25"/>
      <c r="AM58" s="25"/>
      <c r="AN58" s="25"/>
      <c r="AO58" s="25"/>
      <c r="AP58" s="25"/>
      <c r="AQ58" s="25"/>
      <c r="AR58" s="25"/>
      <c r="AS58" s="25"/>
      <c r="AT58" s="25"/>
      <c r="AU58" s="25"/>
      <c r="AV58" s="25"/>
      <c r="AW58" s="25"/>
      <c r="AX58" s="25"/>
      <c r="AY58" s="25"/>
      <c r="AZ58" s="25"/>
      <c r="BA58" s="25"/>
      <c r="BB58" s="25"/>
      <c r="BC58" s="25"/>
      <c r="BD58" s="25"/>
      <c r="BE58" s="25"/>
      <c r="BF58" s="25"/>
      <c r="BG58" s="25"/>
      <c r="BH58" s="25"/>
      <c r="BI58" s="25"/>
      <c r="BJ58" s="25"/>
      <c r="BK58" s="25"/>
      <c r="BL58" s="25"/>
      <c r="BM58" s="25"/>
      <c r="BN58" s="25"/>
      <c r="BO58" s="25"/>
    </row>
    <row r="59" spans="1:67" x14ac:dyDescent="0.15">
      <c r="A59" s="25"/>
      <c r="B59" s="25"/>
      <c r="C59" s="25"/>
      <c r="D59" s="25"/>
      <c r="E59" s="25"/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5"/>
      <c r="X59" s="25"/>
      <c r="Y59" s="25"/>
      <c r="Z59" s="25"/>
      <c r="AA59" s="25"/>
      <c r="AB59" s="25"/>
      <c r="AC59" s="25"/>
      <c r="AD59" s="25"/>
      <c r="AE59" s="25"/>
      <c r="AF59" s="25"/>
      <c r="AG59" s="25"/>
      <c r="AH59" s="25"/>
      <c r="AI59" s="25"/>
      <c r="AJ59" s="25"/>
      <c r="AK59" s="25"/>
      <c r="AL59" s="25"/>
      <c r="AM59" s="25"/>
      <c r="AN59" s="25"/>
      <c r="AO59" s="25"/>
      <c r="AP59" s="25"/>
      <c r="AQ59" s="25"/>
      <c r="AR59" s="25"/>
      <c r="AS59" s="25"/>
      <c r="AT59" s="25"/>
      <c r="AU59" s="25"/>
      <c r="AV59" s="25"/>
      <c r="AW59" s="25"/>
      <c r="AX59" s="25"/>
      <c r="AY59" s="25"/>
      <c r="AZ59" s="25"/>
      <c r="BA59" s="25"/>
      <c r="BB59" s="25"/>
      <c r="BC59" s="25"/>
      <c r="BD59" s="25"/>
      <c r="BE59" s="25"/>
      <c r="BF59" s="25"/>
      <c r="BG59" s="25"/>
      <c r="BH59" s="25"/>
      <c r="BI59" s="25"/>
      <c r="BJ59" s="25"/>
      <c r="BK59" s="25"/>
      <c r="BL59" s="25"/>
      <c r="BM59" s="25"/>
      <c r="BN59" s="25"/>
      <c r="BO59" s="25"/>
    </row>
    <row r="60" spans="1:67" x14ac:dyDescent="0.15">
      <c r="A60" s="25"/>
      <c r="B60" s="25"/>
      <c r="C60" s="25"/>
      <c r="D60" s="25"/>
      <c r="E60" s="25"/>
      <c r="F60" s="25"/>
      <c r="G60" s="25"/>
      <c r="H60" s="25"/>
      <c r="I60" s="25"/>
      <c r="J60" s="25"/>
      <c r="K60" s="25"/>
      <c r="L60" s="25"/>
      <c r="M60" s="25"/>
      <c r="N60" s="25"/>
      <c r="O60" s="25"/>
      <c r="P60" s="25"/>
      <c r="Q60" s="25"/>
      <c r="R60" s="25"/>
      <c r="S60" s="25"/>
      <c r="T60" s="25"/>
      <c r="U60" s="25"/>
      <c r="V60" s="25"/>
      <c r="W60" s="25"/>
      <c r="X60" s="25"/>
      <c r="Y60" s="25"/>
      <c r="Z60" s="25"/>
      <c r="AA60" s="25"/>
      <c r="AB60" s="25"/>
      <c r="AC60" s="25"/>
      <c r="AD60" s="25"/>
      <c r="AE60" s="25"/>
      <c r="AF60" s="25"/>
      <c r="AG60" s="25"/>
      <c r="AH60" s="25"/>
      <c r="AI60" s="25"/>
      <c r="AJ60" s="25"/>
      <c r="AK60" s="25"/>
      <c r="AL60" s="25"/>
      <c r="AM60" s="25"/>
      <c r="AN60" s="25"/>
      <c r="AO60" s="25"/>
      <c r="AP60" s="25"/>
      <c r="AQ60" s="25"/>
      <c r="AR60" s="25"/>
      <c r="AS60" s="25"/>
      <c r="AT60" s="25"/>
      <c r="AU60" s="25"/>
      <c r="AV60" s="25"/>
      <c r="AW60" s="25"/>
      <c r="AX60" s="25"/>
      <c r="AY60" s="25"/>
      <c r="AZ60" s="25"/>
      <c r="BA60" s="25"/>
      <c r="BB60" s="25"/>
      <c r="BC60" s="25"/>
      <c r="BD60" s="25"/>
      <c r="BE60" s="25"/>
      <c r="BF60" s="25"/>
      <c r="BG60" s="25"/>
      <c r="BH60" s="25"/>
      <c r="BI60" s="25"/>
      <c r="BJ60" s="25"/>
      <c r="BK60" s="25"/>
      <c r="BL60" s="25"/>
      <c r="BM60" s="25"/>
      <c r="BN60" s="25"/>
      <c r="BO60" s="25"/>
    </row>
    <row r="61" spans="1:67" x14ac:dyDescent="0.15">
      <c r="A61" s="25"/>
      <c r="B61" s="25"/>
      <c r="C61" s="25"/>
      <c r="D61" s="25"/>
      <c r="E61" s="25"/>
      <c r="F61" s="25"/>
      <c r="G61" s="25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  <c r="V61" s="25"/>
      <c r="W61" s="25"/>
      <c r="X61" s="25"/>
      <c r="Y61" s="25"/>
      <c r="Z61" s="25"/>
      <c r="AA61" s="25"/>
      <c r="AB61" s="25"/>
      <c r="AC61" s="25"/>
      <c r="AD61" s="25"/>
      <c r="AE61" s="25"/>
      <c r="AF61" s="25"/>
      <c r="AG61" s="25"/>
      <c r="AH61" s="25"/>
      <c r="AI61" s="25"/>
      <c r="AJ61" s="25"/>
      <c r="AK61" s="25"/>
      <c r="AL61" s="25"/>
      <c r="AM61" s="25"/>
      <c r="AN61" s="25"/>
      <c r="AO61" s="25"/>
      <c r="AP61" s="25"/>
      <c r="AQ61" s="25"/>
      <c r="AR61" s="25"/>
      <c r="AS61" s="25"/>
      <c r="AT61" s="25"/>
      <c r="AU61" s="25"/>
      <c r="AV61" s="25"/>
      <c r="AW61" s="25"/>
      <c r="AX61" s="25"/>
      <c r="AY61" s="25"/>
      <c r="AZ61" s="25"/>
      <c r="BA61" s="25"/>
      <c r="BB61" s="25"/>
      <c r="BC61" s="25"/>
      <c r="BD61" s="25"/>
      <c r="BE61" s="25"/>
      <c r="BF61" s="25"/>
      <c r="BG61" s="25"/>
      <c r="BH61" s="25"/>
      <c r="BI61" s="25"/>
      <c r="BJ61" s="25"/>
      <c r="BK61" s="25"/>
      <c r="BL61" s="25"/>
      <c r="BM61" s="25"/>
      <c r="BN61" s="25"/>
      <c r="BO61" s="25"/>
    </row>
    <row r="62" spans="1:67" x14ac:dyDescent="0.15">
      <c r="A62" s="25"/>
      <c r="B62" s="25"/>
      <c r="C62" s="25"/>
      <c r="D62" s="25"/>
      <c r="E62" s="25"/>
      <c r="F62" s="25"/>
      <c r="G62" s="25"/>
      <c r="H62" s="25"/>
      <c r="I62" s="25"/>
      <c r="J62" s="25"/>
      <c r="K62" s="25"/>
      <c r="L62" s="25"/>
      <c r="M62" s="25"/>
      <c r="N62" s="25"/>
      <c r="O62" s="25"/>
      <c r="P62" s="25"/>
      <c r="Q62" s="25"/>
      <c r="R62" s="25"/>
      <c r="S62" s="25"/>
      <c r="T62" s="25"/>
      <c r="U62" s="25"/>
      <c r="V62" s="25"/>
      <c r="W62" s="25"/>
      <c r="X62" s="25"/>
      <c r="Y62" s="25"/>
      <c r="Z62" s="25"/>
      <c r="AA62" s="25"/>
      <c r="AB62" s="25"/>
      <c r="AC62" s="25"/>
      <c r="AD62" s="25"/>
      <c r="AE62" s="25"/>
      <c r="AF62" s="25"/>
      <c r="AG62" s="25"/>
      <c r="AH62" s="25"/>
      <c r="AI62" s="25"/>
      <c r="AJ62" s="25"/>
      <c r="AK62" s="25"/>
      <c r="AL62" s="25"/>
      <c r="AM62" s="25"/>
      <c r="AN62" s="25"/>
      <c r="AO62" s="25"/>
      <c r="AP62" s="25"/>
      <c r="AQ62" s="25"/>
      <c r="AR62" s="25"/>
      <c r="AS62" s="25"/>
      <c r="AT62" s="25"/>
      <c r="AU62" s="25"/>
      <c r="AV62" s="25"/>
      <c r="AW62" s="25"/>
      <c r="AX62" s="25"/>
      <c r="AY62" s="25"/>
      <c r="AZ62" s="25"/>
      <c r="BA62" s="25"/>
      <c r="BB62" s="25"/>
      <c r="BC62" s="25"/>
      <c r="BD62" s="25"/>
      <c r="BE62" s="25"/>
      <c r="BF62" s="25"/>
      <c r="BG62" s="25"/>
      <c r="BH62" s="25"/>
      <c r="BI62" s="25"/>
      <c r="BJ62" s="25"/>
      <c r="BK62" s="25"/>
      <c r="BL62" s="25"/>
      <c r="BM62" s="25"/>
      <c r="BN62" s="25"/>
      <c r="BO62" s="25"/>
    </row>
    <row r="63" spans="1:67" x14ac:dyDescent="0.15">
      <c r="A63" s="25"/>
      <c r="B63" s="25"/>
      <c r="C63" s="25"/>
      <c r="D63" s="25"/>
      <c r="E63" s="25"/>
      <c r="F63" s="25"/>
      <c r="G63" s="25"/>
      <c r="H63" s="25"/>
      <c r="I63" s="25"/>
      <c r="J63" s="25"/>
      <c r="K63" s="25"/>
      <c r="L63" s="25"/>
      <c r="M63" s="25"/>
      <c r="N63" s="25"/>
      <c r="O63" s="25"/>
      <c r="P63" s="25"/>
      <c r="Q63" s="25"/>
      <c r="R63" s="25"/>
      <c r="S63" s="25"/>
      <c r="T63" s="25"/>
      <c r="U63" s="25"/>
      <c r="V63" s="25"/>
      <c r="W63" s="25"/>
      <c r="X63" s="25"/>
      <c r="Y63" s="25"/>
      <c r="Z63" s="25"/>
      <c r="AA63" s="25"/>
      <c r="AB63" s="25"/>
      <c r="AC63" s="25"/>
      <c r="AD63" s="25"/>
      <c r="AE63" s="25"/>
      <c r="AF63" s="25"/>
      <c r="AG63" s="25"/>
      <c r="AH63" s="25"/>
      <c r="AI63" s="25"/>
      <c r="AJ63" s="25"/>
      <c r="AK63" s="25"/>
      <c r="AL63" s="25"/>
      <c r="AM63" s="25"/>
      <c r="AN63" s="25"/>
      <c r="AO63" s="25"/>
      <c r="AP63" s="25"/>
      <c r="AQ63" s="25"/>
      <c r="AR63" s="25"/>
      <c r="AS63" s="25"/>
      <c r="AT63" s="25"/>
      <c r="AU63" s="25"/>
      <c r="AV63" s="25"/>
      <c r="AW63" s="25"/>
      <c r="AX63" s="25"/>
      <c r="AY63" s="25"/>
      <c r="AZ63" s="25"/>
      <c r="BA63" s="25"/>
      <c r="BB63" s="25"/>
      <c r="BC63" s="25"/>
      <c r="BD63" s="25"/>
      <c r="BE63" s="25"/>
      <c r="BF63" s="25"/>
      <c r="BG63" s="25"/>
      <c r="BH63" s="25"/>
      <c r="BI63" s="25"/>
      <c r="BJ63" s="25"/>
      <c r="BK63" s="25"/>
      <c r="BL63" s="25"/>
      <c r="BM63" s="25"/>
      <c r="BN63" s="25"/>
      <c r="BO63" s="25"/>
    </row>
    <row r="64" spans="1:67" x14ac:dyDescent="0.15">
      <c r="A64" s="25"/>
      <c r="B64" s="25"/>
      <c r="C64" s="25"/>
      <c r="D64" s="25"/>
      <c r="E64" s="25"/>
      <c r="F64" s="25"/>
      <c r="G64" s="25"/>
      <c r="H64" s="25"/>
      <c r="I64" s="25"/>
      <c r="J64" s="25"/>
      <c r="K64" s="25"/>
      <c r="L64" s="25"/>
      <c r="M64" s="25"/>
      <c r="N64" s="25"/>
      <c r="O64" s="25"/>
      <c r="P64" s="25"/>
      <c r="Q64" s="25"/>
      <c r="R64" s="25"/>
      <c r="S64" s="25"/>
      <c r="T64" s="25"/>
      <c r="U64" s="25"/>
      <c r="V64" s="25"/>
      <c r="W64" s="25"/>
      <c r="X64" s="25"/>
      <c r="Y64" s="25"/>
      <c r="Z64" s="25"/>
      <c r="AA64" s="25"/>
      <c r="AB64" s="25"/>
      <c r="AC64" s="25"/>
      <c r="AD64" s="25"/>
      <c r="AE64" s="25"/>
      <c r="AF64" s="25"/>
      <c r="AG64" s="25"/>
      <c r="AH64" s="25"/>
      <c r="AI64" s="25"/>
      <c r="AJ64" s="25"/>
      <c r="AK64" s="25"/>
      <c r="AL64" s="25"/>
      <c r="AM64" s="25"/>
      <c r="AN64" s="25"/>
      <c r="AO64" s="25"/>
      <c r="AP64" s="25"/>
      <c r="AQ64" s="25"/>
      <c r="AR64" s="25"/>
      <c r="AS64" s="25"/>
      <c r="AT64" s="25"/>
      <c r="AU64" s="25"/>
      <c r="AV64" s="25"/>
      <c r="AW64" s="25"/>
      <c r="AX64" s="25"/>
      <c r="AY64" s="25"/>
      <c r="AZ64" s="25"/>
      <c r="BA64" s="25"/>
      <c r="BB64" s="25"/>
      <c r="BC64" s="25"/>
      <c r="BD64" s="25"/>
      <c r="BE64" s="25"/>
      <c r="BF64" s="25"/>
      <c r="BG64" s="25"/>
      <c r="BH64" s="25"/>
      <c r="BI64" s="25"/>
      <c r="BJ64" s="25"/>
      <c r="BK64" s="25"/>
      <c r="BL64" s="25"/>
      <c r="BM64" s="25"/>
      <c r="BN64" s="25"/>
      <c r="BO64" s="25"/>
    </row>
    <row r="65" spans="1:67" x14ac:dyDescent="0.15">
      <c r="A65" s="25"/>
      <c r="B65" s="25"/>
      <c r="C65" s="25"/>
      <c r="D65" s="25"/>
      <c r="E65" s="25"/>
      <c r="F65" s="25"/>
      <c r="G65" s="25"/>
      <c r="H65" s="25"/>
      <c r="I65" s="25"/>
      <c r="J65" s="25"/>
      <c r="K65" s="25"/>
      <c r="L65" s="25"/>
      <c r="M65" s="25"/>
      <c r="N65" s="25"/>
      <c r="O65" s="25"/>
      <c r="P65" s="25"/>
      <c r="Q65" s="25"/>
      <c r="R65" s="25"/>
      <c r="S65" s="25"/>
      <c r="T65" s="25"/>
      <c r="U65" s="25"/>
      <c r="V65" s="25"/>
      <c r="W65" s="25"/>
      <c r="X65" s="25"/>
      <c r="Y65" s="25"/>
      <c r="Z65" s="25"/>
      <c r="AA65" s="25"/>
      <c r="AB65" s="25"/>
      <c r="AC65" s="25"/>
      <c r="AD65" s="25"/>
      <c r="AE65" s="25"/>
      <c r="AF65" s="25"/>
      <c r="AG65" s="25"/>
      <c r="AH65" s="25"/>
      <c r="AI65" s="25"/>
      <c r="AJ65" s="25"/>
      <c r="AK65" s="25"/>
      <c r="AL65" s="25"/>
      <c r="AM65" s="25"/>
      <c r="AN65" s="25"/>
      <c r="AO65" s="25"/>
      <c r="AP65" s="25"/>
      <c r="AQ65" s="25"/>
      <c r="AR65" s="25"/>
      <c r="AS65" s="25"/>
      <c r="AT65" s="25"/>
      <c r="AU65" s="25"/>
      <c r="AV65" s="25"/>
      <c r="AW65" s="25"/>
      <c r="AX65" s="25"/>
      <c r="AY65" s="25"/>
      <c r="AZ65" s="25"/>
      <c r="BA65" s="25"/>
      <c r="BB65" s="25"/>
      <c r="BC65" s="25"/>
      <c r="BD65" s="25"/>
      <c r="BE65" s="25"/>
      <c r="BF65" s="25"/>
      <c r="BG65" s="25"/>
      <c r="BH65" s="25"/>
      <c r="BI65" s="25"/>
      <c r="BJ65" s="25"/>
      <c r="BK65" s="25"/>
      <c r="BL65" s="25"/>
      <c r="BM65" s="25"/>
      <c r="BN65" s="25"/>
      <c r="BO65" s="25"/>
    </row>
    <row r="66" spans="1:67" x14ac:dyDescent="0.15">
      <c r="A66" s="25"/>
      <c r="B66" s="25"/>
      <c r="C66" s="25"/>
      <c r="D66" s="25"/>
      <c r="E66" s="25"/>
      <c r="F66" s="25"/>
      <c r="G66" s="25"/>
      <c r="H66" s="25"/>
      <c r="I66" s="25"/>
      <c r="J66" s="25"/>
      <c r="K66" s="25"/>
      <c r="L66" s="25"/>
      <c r="M66" s="25"/>
      <c r="N66" s="25"/>
      <c r="O66" s="25"/>
      <c r="P66" s="25"/>
      <c r="Q66" s="25"/>
      <c r="R66" s="25"/>
      <c r="S66" s="25"/>
      <c r="T66" s="25"/>
      <c r="U66" s="25"/>
      <c r="V66" s="25"/>
      <c r="W66" s="25"/>
      <c r="X66" s="25"/>
      <c r="Y66" s="25"/>
      <c r="Z66" s="25"/>
      <c r="AA66" s="25"/>
      <c r="AB66" s="25"/>
      <c r="AC66" s="25"/>
      <c r="AD66" s="25"/>
      <c r="AE66" s="25"/>
      <c r="AF66" s="25"/>
      <c r="AG66" s="25"/>
      <c r="AH66" s="25"/>
      <c r="AI66" s="25"/>
      <c r="AJ66" s="25"/>
      <c r="AK66" s="25"/>
      <c r="AL66" s="25"/>
      <c r="AM66" s="25"/>
      <c r="AN66" s="25"/>
      <c r="AO66" s="25"/>
      <c r="AP66" s="25"/>
      <c r="AQ66" s="25"/>
      <c r="AR66" s="25"/>
      <c r="AS66" s="25"/>
      <c r="AT66" s="25"/>
      <c r="AU66" s="25"/>
      <c r="AV66" s="25"/>
      <c r="AW66" s="25"/>
      <c r="AX66" s="25"/>
      <c r="AY66" s="25"/>
      <c r="AZ66" s="25"/>
      <c r="BA66" s="25"/>
      <c r="BB66" s="25"/>
      <c r="BC66" s="25"/>
      <c r="BD66" s="25"/>
      <c r="BE66" s="25"/>
      <c r="BF66" s="25"/>
      <c r="BG66" s="25"/>
      <c r="BH66" s="25"/>
      <c r="BI66" s="25"/>
      <c r="BJ66" s="25"/>
      <c r="BK66" s="25"/>
      <c r="BL66" s="25"/>
      <c r="BM66" s="25"/>
      <c r="BN66" s="25"/>
      <c r="BO66" s="25"/>
    </row>
    <row r="67" spans="1:67" x14ac:dyDescent="0.15">
      <c r="A67" s="25"/>
      <c r="B67" s="25"/>
      <c r="C67" s="25"/>
      <c r="D67" s="25"/>
      <c r="E67" s="25"/>
      <c r="F67" s="25"/>
      <c r="G67" s="25"/>
      <c r="H67" s="25"/>
      <c r="I67" s="25"/>
      <c r="J67" s="25"/>
      <c r="K67" s="25"/>
      <c r="L67" s="25"/>
      <c r="M67" s="25"/>
      <c r="N67" s="25"/>
      <c r="O67" s="25"/>
      <c r="P67" s="25"/>
      <c r="Q67" s="25"/>
      <c r="R67" s="25"/>
      <c r="S67" s="25"/>
      <c r="T67" s="25"/>
      <c r="U67" s="25"/>
      <c r="V67" s="25"/>
      <c r="W67" s="25"/>
      <c r="X67" s="25"/>
      <c r="Y67" s="25"/>
      <c r="Z67" s="25"/>
      <c r="AA67" s="25"/>
      <c r="AB67" s="25"/>
      <c r="AC67" s="25"/>
      <c r="AD67" s="25"/>
      <c r="AE67" s="25"/>
      <c r="AF67" s="25"/>
      <c r="AG67" s="25"/>
      <c r="AH67" s="25"/>
      <c r="AI67" s="25"/>
      <c r="AJ67" s="25"/>
      <c r="AK67" s="25"/>
      <c r="AL67" s="25"/>
      <c r="AM67" s="25"/>
      <c r="AN67" s="25"/>
      <c r="AO67" s="25"/>
      <c r="AP67" s="25"/>
      <c r="AQ67" s="25"/>
      <c r="AR67" s="25"/>
      <c r="AS67" s="25"/>
      <c r="AT67" s="25"/>
      <c r="AU67" s="25"/>
      <c r="AV67" s="25"/>
      <c r="AW67" s="25"/>
      <c r="AX67" s="25"/>
      <c r="AY67" s="25"/>
      <c r="AZ67" s="25"/>
      <c r="BA67" s="25"/>
      <c r="BB67" s="25"/>
      <c r="BC67" s="25"/>
      <c r="BD67" s="25"/>
      <c r="BE67" s="25"/>
      <c r="BF67" s="25"/>
      <c r="BG67" s="25"/>
      <c r="BH67" s="25"/>
      <c r="BI67" s="25"/>
      <c r="BJ67" s="25"/>
      <c r="BK67" s="25"/>
      <c r="BL67" s="25"/>
      <c r="BM67" s="25"/>
      <c r="BN67" s="25"/>
      <c r="BO67" s="25"/>
    </row>
    <row r="68" spans="1:67" x14ac:dyDescent="0.15">
      <c r="A68" s="25"/>
      <c r="B68" s="25"/>
      <c r="C68" s="25"/>
      <c r="D68" s="25"/>
      <c r="E68" s="25"/>
      <c r="F68" s="25"/>
      <c r="G68" s="25"/>
      <c r="H68" s="25"/>
      <c r="I68" s="25"/>
      <c r="J68" s="25"/>
      <c r="K68" s="25"/>
      <c r="L68" s="25"/>
      <c r="M68" s="25"/>
      <c r="N68" s="25"/>
      <c r="O68" s="25"/>
      <c r="P68" s="25"/>
      <c r="Q68" s="25"/>
      <c r="R68" s="25"/>
      <c r="S68" s="25"/>
      <c r="T68" s="25"/>
      <c r="U68" s="25"/>
      <c r="V68" s="25"/>
      <c r="W68" s="25"/>
      <c r="X68" s="25"/>
      <c r="Y68" s="25"/>
      <c r="Z68" s="25"/>
      <c r="AA68" s="25"/>
      <c r="AB68" s="25"/>
      <c r="AC68" s="25"/>
      <c r="AD68" s="25"/>
      <c r="AE68" s="25"/>
      <c r="AF68" s="25"/>
      <c r="AG68" s="25"/>
      <c r="AH68" s="25"/>
      <c r="AI68" s="25"/>
      <c r="AJ68" s="25"/>
      <c r="AK68" s="25"/>
      <c r="AL68" s="25"/>
      <c r="AM68" s="25"/>
      <c r="AN68" s="25"/>
      <c r="AO68" s="25"/>
      <c r="AP68" s="25"/>
      <c r="AQ68" s="25"/>
      <c r="AR68" s="25"/>
      <c r="AS68" s="25"/>
      <c r="AT68" s="25"/>
      <c r="AU68" s="25"/>
      <c r="AV68" s="25"/>
      <c r="AW68" s="25"/>
      <c r="AX68" s="25"/>
      <c r="AY68" s="25"/>
      <c r="AZ68" s="25"/>
      <c r="BA68" s="25"/>
      <c r="BB68" s="25"/>
      <c r="BC68" s="25"/>
      <c r="BD68" s="25"/>
      <c r="BE68" s="25"/>
      <c r="BF68" s="25"/>
      <c r="BG68" s="25"/>
      <c r="BH68" s="25"/>
      <c r="BI68" s="25"/>
      <c r="BJ68" s="25"/>
      <c r="BK68" s="25"/>
      <c r="BL68" s="25"/>
      <c r="BM68" s="25"/>
      <c r="BN68" s="25"/>
      <c r="BO68" s="25"/>
    </row>
    <row r="69" spans="1:67" x14ac:dyDescent="0.15">
      <c r="A69" s="25"/>
      <c r="B69" s="25"/>
      <c r="C69" s="25"/>
      <c r="D69" s="25"/>
      <c r="E69" s="25"/>
      <c r="F69" s="25"/>
      <c r="G69" s="25"/>
      <c r="H69" s="25"/>
      <c r="I69" s="25"/>
      <c r="J69" s="25"/>
      <c r="K69" s="25"/>
      <c r="L69" s="25"/>
      <c r="M69" s="25"/>
      <c r="N69" s="25"/>
      <c r="O69" s="25"/>
      <c r="P69" s="25"/>
      <c r="Q69" s="25"/>
      <c r="R69" s="25"/>
      <c r="S69" s="25"/>
      <c r="T69" s="25"/>
      <c r="U69" s="25"/>
      <c r="V69" s="25"/>
      <c r="W69" s="25"/>
      <c r="X69" s="25"/>
      <c r="Y69" s="25"/>
      <c r="Z69" s="25"/>
      <c r="AA69" s="25"/>
      <c r="AB69" s="25"/>
      <c r="AC69" s="25"/>
      <c r="AD69" s="25"/>
      <c r="AE69" s="25"/>
      <c r="AF69" s="25"/>
      <c r="AG69" s="25"/>
      <c r="AH69" s="25"/>
      <c r="AI69" s="25"/>
      <c r="AJ69" s="25"/>
      <c r="AK69" s="25"/>
      <c r="AL69" s="25"/>
      <c r="AM69" s="25"/>
      <c r="AN69" s="25"/>
      <c r="AO69" s="25"/>
      <c r="AP69" s="25"/>
      <c r="AQ69" s="25"/>
      <c r="AR69" s="25"/>
      <c r="AS69" s="25"/>
      <c r="AT69" s="25"/>
      <c r="AU69" s="25"/>
      <c r="AV69" s="25"/>
      <c r="AW69" s="25"/>
      <c r="AX69" s="25"/>
      <c r="AY69" s="25"/>
      <c r="AZ69" s="25"/>
      <c r="BA69" s="25"/>
      <c r="BB69" s="25"/>
      <c r="BC69" s="25"/>
      <c r="BD69" s="25"/>
      <c r="BE69" s="25"/>
      <c r="BF69" s="25"/>
      <c r="BG69" s="25"/>
      <c r="BH69" s="25"/>
      <c r="BI69" s="25"/>
      <c r="BJ69" s="25"/>
      <c r="BK69" s="25"/>
      <c r="BL69" s="25"/>
      <c r="BM69" s="25"/>
      <c r="BN69" s="25"/>
      <c r="BO69" s="25"/>
    </row>
    <row r="70" spans="1:67" x14ac:dyDescent="0.15">
      <c r="A70" s="25"/>
      <c r="B70" s="25"/>
      <c r="C70" s="25"/>
      <c r="D70" s="25"/>
      <c r="E70" s="25"/>
      <c r="F70" s="25"/>
      <c r="G70" s="25"/>
      <c r="H70" s="25"/>
      <c r="I70" s="25"/>
      <c r="J70" s="25"/>
      <c r="K70" s="25"/>
      <c r="L70" s="25"/>
      <c r="M70" s="25"/>
      <c r="N70" s="25"/>
      <c r="O70" s="25"/>
      <c r="P70" s="25"/>
      <c r="Q70" s="25"/>
      <c r="R70" s="25"/>
      <c r="S70" s="25"/>
      <c r="T70" s="25"/>
      <c r="U70" s="25"/>
      <c r="V70" s="25"/>
      <c r="W70" s="25"/>
      <c r="X70" s="25"/>
      <c r="Y70" s="25"/>
      <c r="Z70" s="25"/>
      <c r="AA70" s="25"/>
      <c r="AB70" s="25"/>
      <c r="AC70" s="25"/>
      <c r="AD70" s="25"/>
      <c r="AE70" s="25"/>
      <c r="AF70" s="25"/>
      <c r="AG70" s="25"/>
      <c r="AH70" s="25"/>
      <c r="AI70" s="25"/>
      <c r="AJ70" s="25"/>
      <c r="AK70" s="25"/>
      <c r="AL70" s="25"/>
      <c r="AM70" s="25"/>
      <c r="AN70" s="25"/>
      <c r="AO70" s="25"/>
      <c r="AP70" s="25"/>
      <c r="AQ70" s="25"/>
      <c r="AR70" s="25"/>
      <c r="AS70" s="25"/>
      <c r="AT70" s="25"/>
      <c r="AU70" s="25"/>
      <c r="AV70" s="25"/>
      <c r="AW70" s="25"/>
      <c r="AX70" s="25"/>
      <c r="AY70" s="25"/>
      <c r="AZ70" s="25"/>
      <c r="BA70" s="25"/>
      <c r="BB70" s="25"/>
      <c r="BC70" s="25"/>
      <c r="BD70" s="25"/>
      <c r="BE70" s="25"/>
      <c r="BF70" s="25"/>
      <c r="BG70" s="25"/>
      <c r="BH70" s="25"/>
      <c r="BI70" s="25"/>
      <c r="BJ70" s="25"/>
      <c r="BK70" s="25"/>
      <c r="BL70" s="25"/>
      <c r="BM70" s="25"/>
      <c r="BN70" s="25"/>
      <c r="BO70" s="25"/>
    </row>
    <row r="71" spans="1:67" x14ac:dyDescent="0.15">
      <c r="A71" s="25"/>
      <c r="B71" s="25"/>
      <c r="C71" s="25"/>
      <c r="D71" s="25"/>
      <c r="E71" s="25"/>
      <c r="F71" s="25"/>
      <c r="G71" s="25"/>
      <c r="H71" s="25"/>
      <c r="I71" s="25"/>
      <c r="J71" s="25"/>
      <c r="K71" s="25"/>
      <c r="L71" s="25"/>
      <c r="M71" s="25"/>
      <c r="N71" s="25"/>
      <c r="O71" s="25"/>
      <c r="P71" s="25"/>
      <c r="Q71" s="25"/>
      <c r="R71" s="25"/>
      <c r="S71" s="25"/>
      <c r="T71" s="25"/>
      <c r="U71" s="25"/>
      <c r="V71" s="25"/>
      <c r="W71" s="25"/>
      <c r="X71" s="25"/>
      <c r="Y71" s="25"/>
      <c r="Z71" s="25"/>
      <c r="AA71" s="25"/>
      <c r="AB71" s="25"/>
      <c r="AC71" s="25"/>
      <c r="AD71" s="25"/>
      <c r="AE71" s="25"/>
      <c r="AF71" s="25"/>
      <c r="AG71" s="25"/>
      <c r="AH71" s="25"/>
      <c r="AI71" s="25"/>
      <c r="AJ71" s="25"/>
      <c r="AK71" s="25"/>
      <c r="AL71" s="25"/>
      <c r="AM71" s="25"/>
      <c r="AN71" s="25"/>
      <c r="AO71" s="25"/>
      <c r="AP71" s="25"/>
      <c r="AQ71" s="25"/>
      <c r="AR71" s="25"/>
      <c r="AS71" s="25"/>
      <c r="AT71" s="25"/>
      <c r="AU71" s="25"/>
      <c r="AV71" s="25"/>
      <c r="AW71" s="25"/>
      <c r="AX71" s="25"/>
      <c r="AY71" s="25"/>
      <c r="AZ71" s="25"/>
      <c r="BA71" s="25"/>
      <c r="BB71" s="25"/>
      <c r="BC71" s="25"/>
      <c r="BD71" s="25"/>
      <c r="BE71" s="25"/>
      <c r="BF71" s="25"/>
      <c r="BG71" s="25"/>
      <c r="BH71" s="25"/>
      <c r="BI71" s="25"/>
      <c r="BJ71" s="25"/>
      <c r="BK71" s="25"/>
      <c r="BL71" s="25"/>
      <c r="BM71" s="25"/>
      <c r="BN71" s="25"/>
      <c r="BO71" s="25"/>
    </row>
    <row r="72" spans="1:67" x14ac:dyDescent="0.15">
      <c r="A72" s="25"/>
      <c r="B72" s="25"/>
      <c r="C72" s="25"/>
      <c r="D72" s="25"/>
      <c r="E72" s="25"/>
      <c r="F72" s="25"/>
      <c r="G72" s="25"/>
      <c r="H72" s="25"/>
      <c r="I72" s="25"/>
      <c r="J72" s="25"/>
      <c r="K72" s="25"/>
      <c r="L72" s="25"/>
      <c r="M72" s="25"/>
      <c r="N72" s="25"/>
      <c r="O72" s="25"/>
      <c r="P72" s="25"/>
      <c r="Q72" s="25"/>
      <c r="R72" s="25"/>
      <c r="S72" s="25"/>
      <c r="T72" s="25"/>
      <c r="U72" s="25"/>
      <c r="V72" s="25"/>
      <c r="W72" s="25"/>
      <c r="X72" s="25"/>
      <c r="Y72" s="25"/>
      <c r="Z72" s="25"/>
      <c r="AA72" s="25"/>
      <c r="AB72" s="25"/>
      <c r="AC72" s="25"/>
      <c r="AD72" s="25"/>
      <c r="AE72" s="25"/>
      <c r="AF72" s="25"/>
      <c r="AG72" s="25"/>
      <c r="AH72" s="25"/>
      <c r="AI72" s="25"/>
      <c r="AJ72" s="25"/>
      <c r="AK72" s="25"/>
      <c r="AL72" s="25"/>
      <c r="AM72" s="25"/>
      <c r="AN72" s="25"/>
      <c r="AO72" s="25"/>
      <c r="AP72" s="25"/>
      <c r="AQ72" s="25"/>
      <c r="AR72" s="25"/>
      <c r="AS72" s="25"/>
      <c r="AT72" s="25"/>
      <c r="AU72" s="25"/>
      <c r="AV72" s="25"/>
      <c r="AW72" s="25"/>
      <c r="AX72" s="25"/>
      <c r="AY72" s="25"/>
      <c r="AZ72" s="25"/>
      <c r="BA72" s="25"/>
      <c r="BB72" s="25"/>
      <c r="BC72" s="25"/>
      <c r="BD72" s="25"/>
      <c r="BE72" s="25"/>
      <c r="BF72" s="25"/>
      <c r="BG72" s="25"/>
      <c r="BH72" s="25"/>
      <c r="BI72" s="25"/>
      <c r="BJ72" s="25"/>
      <c r="BK72" s="25"/>
      <c r="BL72" s="25"/>
      <c r="BM72" s="25"/>
      <c r="BN72" s="25"/>
      <c r="BO72" s="25"/>
    </row>
    <row r="73" spans="1:67" x14ac:dyDescent="0.15">
      <c r="A73" s="25"/>
      <c r="B73" s="25"/>
      <c r="C73" s="25"/>
      <c r="D73" s="25"/>
      <c r="E73" s="25"/>
      <c r="F73" s="25"/>
      <c r="G73" s="25"/>
      <c r="H73" s="25"/>
      <c r="I73" s="25"/>
      <c r="J73" s="25"/>
      <c r="K73" s="25"/>
      <c r="L73" s="25"/>
      <c r="M73" s="25"/>
      <c r="N73" s="25"/>
      <c r="O73" s="25"/>
      <c r="P73" s="25"/>
      <c r="Q73" s="25"/>
      <c r="R73" s="25"/>
      <c r="S73" s="25"/>
      <c r="T73" s="25"/>
      <c r="U73" s="25"/>
      <c r="V73" s="25"/>
      <c r="W73" s="25"/>
      <c r="X73" s="25"/>
      <c r="Y73" s="25"/>
      <c r="Z73" s="25"/>
      <c r="AA73" s="25"/>
      <c r="AB73" s="25"/>
      <c r="AC73" s="25"/>
      <c r="AD73" s="25"/>
      <c r="AE73" s="25"/>
      <c r="AF73" s="25"/>
      <c r="AG73" s="25"/>
      <c r="AH73" s="25"/>
      <c r="AI73" s="25"/>
      <c r="AJ73" s="25"/>
      <c r="AK73" s="25"/>
      <c r="AL73" s="25"/>
      <c r="AM73" s="25"/>
      <c r="AN73" s="25"/>
      <c r="AO73" s="25"/>
      <c r="AP73" s="25"/>
      <c r="AQ73" s="25"/>
      <c r="AR73" s="25"/>
      <c r="AS73" s="25"/>
      <c r="AT73" s="25"/>
      <c r="AU73" s="25"/>
      <c r="AV73" s="25"/>
      <c r="AW73" s="25"/>
      <c r="AX73" s="25"/>
      <c r="AY73" s="25"/>
      <c r="AZ73" s="25"/>
      <c r="BA73" s="25"/>
      <c r="BB73" s="25"/>
      <c r="BC73" s="25"/>
      <c r="BD73" s="25"/>
      <c r="BE73" s="25"/>
      <c r="BF73" s="25"/>
      <c r="BG73" s="25"/>
      <c r="BH73" s="25"/>
      <c r="BI73" s="25"/>
      <c r="BJ73" s="25"/>
      <c r="BK73" s="25"/>
      <c r="BL73" s="25"/>
      <c r="BM73" s="25"/>
      <c r="BN73" s="25"/>
      <c r="BO73" s="25"/>
    </row>
    <row r="74" spans="1:67" x14ac:dyDescent="0.15">
      <c r="A74" s="25"/>
      <c r="B74" s="25"/>
      <c r="C74" s="25"/>
      <c r="D74" s="25"/>
      <c r="E74" s="25"/>
      <c r="F74" s="25"/>
      <c r="G74" s="25"/>
      <c r="H74" s="25"/>
      <c r="I74" s="25"/>
      <c r="J74" s="25"/>
      <c r="K74" s="25"/>
      <c r="L74" s="25"/>
      <c r="M74" s="25"/>
      <c r="N74" s="25"/>
      <c r="O74" s="25"/>
      <c r="P74" s="25"/>
      <c r="Q74" s="25"/>
      <c r="R74" s="25"/>
      <c r="S74" s="25"/>
      <c r="T74" s="25"/>
      <c r="U74" s="25"/>
      <c r="V74" s="25"/>
      <c r="W74" s="25"/>
      <c r="X74" s="25"/>
      <c r="Y74" s="25"/>
      <c r="Z74" s="25"/>
      <c r="AA74" s="25"/>
      <c r="AB74" s="25"/>
      <c r="AC74" s="25"/>
      <c r="AD74" s="25"/>
      <c r="AE74" s="25"/>
      <c r="AF74" s="25"/>
      <c r="AG74" s="25"/>
      <c r="AH74" s="25"/>
      <c r="AI74" s="25"/>
      <c r="AJ74" s="25"/>
      <c r="AK74" s="25"/>
      <c r="AL74" s="25"/>
      <c r="AM74" s="25"/>
      <c r="AN74" s="25"/>
      <c r="AO74" s="25"/>
      <c r="AP74" s="25"/>
      <c r="AQ74" s="25"/>
      <c r="AR74" s="25"/>
      <c r="AS74" s="25"/>
      <c r="AT74" s="25"/>
      <c r="AU74" s="25"/>
      <c r="AV74" s="25"/>
      <c r="AW74" s="25"/>
      <c r="AX74" s="25"/>
      <c r="AY74" s="25"/>
      <c r="AZ74" s="25"/>
      <c r="BA74" s="25"/>
      <c r="BB74" s="25"/>
      <c r="BC74" s="25"/>
      <c r="BD74" s="25"/>
      <c r="BE74" s="25"/>
      <c r="BF74" s="25"/>
      <c r="BG74" s="25"/>
      <c r="BH74" s="25"/>
      <c r="BI74" s="25"/>
      <c r="BJ74" s="25"/>
      <c r="BK74" s="25"/>
      <c r="BL74" s="25"/>
      <c r="BM74" s="25"/>
      <c r="BN74" s="25"/>
      <c r="BO74" s="25"/>
    </row>
    <row r="75" spans="1:67" x14ac:dyDescent="0.15">
      <c r="A75" s="25"/>
      <c r="B75" s="25"/>
      <c r="C75" s="25"/>
      <c r="D75" s="25"/>
      <c r="E75" s="25"/>
      <c r="F75" s="25"/>
      <c r="G75" s="25"/>
      <c r="H75" s="25"/>
      <c r="I75" s="25"/>
      <c r="J75" s="25"/>
      <c r="K75" s="25"/>
      <c r="L75" s="25"/>
      <c r="M75" s="25"/>
      <c r="N75" s="25"/>
      <c r="O75" s="25"/>
      <c r="P75" s="25"/>
      <c r="Q75" s="25"/>
      <c r="R75" s="25"/>
      <c r="S75" s="25"/>
      <c r="T75" s="25"/>
      <c r="U75" s="25"/>
      <c r="V75" s="25"/>
      <c r="W75" s="25"/>
      <c r="X75" s="25"/>
      <c r="Y75" s="25"/>
      <c r="Z75" s="25"/>
      <c r="AA75" s="25"/>
      <c r="AB75" s="25"/>
      <c r="AC75" s="25"/>
      <c r="AD75" s="25"/>
      <c r="AE75" s="25"/>
      <c r="AF75" s="25"/>
      <c r="AG75" s="25"/>
      <c r="AH75" s="25"/>
      <c r="AI75" s="25"/>
      <c r="AJ75" s="25"/>
      <c r="AK75" s="25"/>
      <c r="AL75" s="25"/>
      <c r="AM75" s="25"/>
      <c r="AN75" s="25"/>
      <c r="AO75" s="25"/>
      <c r="AP75" s="25"/>
      <c r="AQ75" s="25"/>
      <c r="AR75" s="25"/>
      <c r="AS75" s="25"/>
      <c r="AT75" s="25"/>
      <c r="AU75" s="25"/>
      <c r="AV75" s="25"/>
      <c r="AW75" s="25"/>
      <c r="AX75" s="25"/>
      <c r="AY75" s="25"/>
      <c r="AZ75" s="25"/>
      <c r="BA75" s="25"/>
      <c r="BB75" s="25"/>
      <c r="BC75" s="25"/>
      <c r="BD75" s="25"/>
      <c r="BE75" s="25"/>
      <c r="BF75" s="25"/>
      <c r="BG75" s="25"/>
      <c r="BH75" s="25"/>
      <c r="BI75" s="25"/>
      <c r="BJ75" s="25"/>
      <c r="BK75" s="25"/>
      <c r="BL75" s="25"/>
      <c r="BM75" s="25"/>
      <c r="BN75" s="25"/>
      <c r="BO75" s="25"/>
    </row>
    <row r="76" spans="1:67" x14ac:dyDescent="0.15">
      <c r="A76" s="25"/>
      <c r="B76" s="25"/>
      <c r="C76" s="25"/>
      <c r="D76" s="25"/>
      <c r="E76" s="25"/>
      <c r="F76" s="25"/>
      <c r="G76" s="25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25"/>
      <c r="AG76" s="25"/>
      <c r="AH76" s="25"/>
      <c r="AI76" s="25"/>
      <c r="AJ76" s="25"/>
      <c r="AK76" s="25"/>
      <c r="AL76" s="25"/>
      <c r="AM76" s="25"/>
      <c r="AN76" s="25"/>
      <c r="AO76" s="25"/>
      <c r="AP76" s="25"/>
      <c r="AQ76" s="25"/>
      <c r="AR76" s="25"/>
      <c r="AS76" s="25"/>
      <c r="AT76" s="25"/>
      <c r="AU76" s="25"/>
      <c r="AV76" s="25"/>
      <c r="AW76" s="25"/>
      <c r="AX76" s="25"/>
      <c r="AY76" s="25"/>
      <c r="AZ76" s="25"/>
      <c r="BA76" s="25"/>
      <c r="BB76" s="25"/>
      <c r="BC76" s="25"/>
      <c r="BD76" s="25"/>
      <c r="BE76" s="25"/>
      <c r="BF76" s="25"/>
      <c r="BG76" s="25"/>
      <c r="BH76" s="25"/>
      <c r="BI76" s="25"/>
      <c r="BJ76" s="25"/>
      <c r="BK76" s="25"/>
      <c r="BL76" s="25"/>
      <c r="BM76" s="25"/>
      <c r="BN76" s="25"/>
      <c r="BO76" s="25"/>
    </row>
    <row r="77" spans="1:67" x14ac:dyDescent="0.15">
      <c r="A77" s="25"/>
      <c r="B77" s="25"/>
      <c r="C77" s="25"/>
      <c r="D77" s="25"/>
      <c r="E77" s="25"/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25"/>
      <c r="AG77" s="25"/>
      <c r="AH77" s="25"/>
      <c r="AI77" s="25"/>
      <c r="AJ77" s="25"/>
      <c r="AK77" s="25"/>
      <c r="AL77" s="25"/>
      <c r="AM77" s="25"/>
      <c r="AN77" s="25"/>
      <c r="AO77" s="25"/>
      <c r="AP77" s="25"/>
      <c r="AQ77" s="25"/>
      <c r="AR77" s="25"/>
      <c r="AS77" s="25"/>
      <c r="AT77" s="25"/>
      <c r="AU77" s="25"/>
      <c r="AV77" s="25"/>
      <c r="AW77" s="25"/>
      <c r="AX77" s="25"/>
      <c r="AY77" s="25"/>
      <c r="AZ77" s="25"/>
      <c r="BA77" s="25"/>
      <c r="BB77" s="25"/>
      <c r="BC77" s="25"/>
      <c r="BD77" s="25"/>
      <c r="BE77" s="25"/>
      <c r="BF77" s="25"/>
      <c r="BG77" s="25"/>
      <c r="BH77" s="25"/>
      <c r="BI77" s="25"/>
      <c r="BJ77" s="25"/>
      <c r="BK77" s="25"/>
      <c r="BL77" s="25"/>
      <c r="BM77" s="25"/>
      <c r="BN77" s="25"/>
      <c r="BO77" s="25"/>
    </row>
    <row r="78" spans="1:67" x14ac:dyDescent="0.15">
      <c r="A78" s="25"/>
      <c r="B78" s="25"/>
      <c r="C78" s="25"/>
      <c r="D78" s="25"/>
      <c r="E78" s="25"/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25"/>
      <c r="AG78" s="25"/>
      <c r="AH78" s="25"/>
      <c r="AI78" s="25"/>
      <c r="AJ78" s="25"/>
      <c r="AK78" s="25"/>
      <c r="AL78" s="25"/>
      <c r="AM78" s="25"/>
      <c r="AN78" s="25"/>
      <c r="AO78" s="25"/>
      <c r="AP78" s="25"/>
      <c r="AQ78" s="25"/>
      <c r="AR78" s="25"/>
      <c r="AS78" s="25"/>
      <c r="AT78" s="25"/>
      <c r="AU78" s="25"/>
      <c r="AV78" s="25"/>
      <c r="AW78" s="25"/>
      <c r="AX78" s="25"/>
      <c r="AY78" s="25"/>
      <c r="AZ78" s="25"/>
      <c r="BA78" s="25"/>
      <c r="BB78" s="25"/>
      <c r="BC78" s="25"/>
      <c r="BD78" s="25"/>
      <c r="BE78" s="25"/>
      <c r="BF78" s="25"/>
      <c r="BG78" s="25"/>
      <c r="BH78" s="25"/>
      <c r="BI78" s="25"/>
      <c r="BJ78" s="25"/>
      <c r="BK78" s="25"/>
      <c r="BL78" s="25"/>
      <c r="BM78" s="25"/>
      <c r="BN78" s="25"/>
      <c r="BO78" s="25"/>
    </row>
    <row r="79" spans="1:67" x14ac:dyDescent="0.15">
      <c r="A79" s="25"/>
      <c r="B79" s="25"/>
      <c r="C79" s="25"/>
      <c r="D79" s="25"/>
      <c r="E79" s="25"/>
      <c r="F79" s="25"/>
      <c r="G79" s="25"/>
      <c r="H79" s="25"/>
      <c r="I79" s="25"/>
      <c r="J79" s="25"/>
      <c r="K79" s="25"/>
      <c r="L79" s="25"/>
      <c r="M79" s="25"/>
      <c r="N79" s="25"/>
      <c r="O79" s="25"/>
      <c r="P79" s="25"/>
      <c r="Q79" s="25"/>
      <c r="R79" s="25"/>
      <c r="S79" s="25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25"/>
      <c r="AG79" s="25"/>
      <c r="AH79" s="25"/>
      <c r="AI79" s="25"/>
      <c r="AJ79" s="25"/>
      <c r="AK79" s="25"/>
      <c r="AL79" s="25"/>
      <c r="AM79" s="25"/>
      <c r="AN79" s="25"/>
      <c r="AO79" s="25"/>
      <c r="AP79" s="25"/>
      <c r="AQ79" s="25"/>
      <c r="AR79" s="25"/>
      <c r="AS79" s="25"/>
      <c r="AT79" s="25"/>
      <c r="AU79" s="25"/>
      <c r="AV79" s="25"/>
      <c r="AW79" s="25"/>
      <c r="AX79" s="25"/>
      <c r="AY79" s="25"/>
      <c r="AZ79" s="25"/>
      <c r="BA79" s="25"/>
      <c r="BB79" s="25"/>
      <c r="BC79" s="25"/>
      <c r="BD79" s="25"/>
      <c r="BE79" s="25"/>
      <c r="BF79" s="25"/>
      <c r="BG79" s="25"/>
      <c r="BH79" s="25"/>
      <c r="BI79" s="25"/>
      <c r="BJ79" s="25"/>
      <c r="BK79" s="25"/>
      <c r="BL79" s="25"/>
      <c r="BM79" s="25"/>
      <c r="BN79" s="25"/>
      <c r="BO79" s="25"/>
    </row>
    <row r="80" spans="1:67" x14ac:dyDescent="0.15">
      <c r="A80" s="25"/>
      <c r="B80" s="25"/>
      <c r="C80" s="25"/>
      <c r="D80" s="25"/>
      <c r="E80" s="25"/>
      <c r="F80" s="25"/>
      <c r="G80" s="25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25"/>
      <c r="AG80" s="25"/>
      <c r="AH80" s="25"/>
      <c r="AI80" s="25"/>
      <c r="AJ80" s="25"/>
      <c r="AK80" s="25"/>
      <c r="AL80" s="25"/>
      <c r="AM80" s="25"/>
      <c r="AN80" s="25"/>
      <c r="AO80" s="25"/>
      <c r="AP80" s="25"/>
      <c r="AQ80" s="25"/>
      <c r="AR80" s="25"/>
      <c r="AS80" s="25"/>
      <c r="AT80" s="25"/>
      <c r="AU80" s="25"/>
      <c r="AV80" s="25"/>
      <c r="AW80" s="25"/>
      <c r="AX80" s="25"/>
      <c r="AY80" s="25"/>
      <c r="AZ80" s="25"/>
      <c r="BA80" s="25"/>
      <c r="BB80" s="25"/>
      <c r="BC80" s="25"/>
      <c r="BD80" s="25"/>
      <c r="BE80" s="25"/>
      <c r="BF80" s="25"/>
      <c r="BG80" s="25"/>
      <c r="BH80" s="25"/>
      <c r="BI80" s="25"/>
      <c r="BJ80" s="25"/>
      <c r="BK80" s="25"/>
      <c r="BL80" s="25"/>
      <c r="BM80" s="25"/>
      <c r="BN80" s="25"/>
      <c r="BO80" s="25"/>
    </row>
    <row r="81" spans="1:67" x14ac:dyDescent="0.15">
      <c r="A81" s="25"/>
      <c r="B81" s="25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25"/>
      <c r="AP81" s="25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25"/>
      <c r="BJ81" s="25"/>
      <c r="BK81" s="25"/>
      <c r="BL81" s="25"/>
      <c r="BM81" s="25"/>
      <c r="BN81" s="25"/>
      <c r="BO81" s="25"/>
    </row>
    <row r="82" spans="1:67" x14ac:dyDescent="0.15">
      <c r="A82" s="25"/>
      <c r="B82" s="25"/>
      <c r="C82" s="25"/>
      <c r="D82" s="25"/>
      <c r="E82" s="25"/>
      <c r="F82" s="25"/>
      <c r="G82" s="25"/>
      <c r="H82" s="25"/>
      <c r="I82" s="25"/>
      <c r="J82" s="25"/>
      <c r="K82" s="25"/>
      <c r="L82" s="25"/>
      <c r="M82" s="25"/>
      <c r="N82" s="25"/>
      <c r="O82" s="25"/>
      <c r="P82" s="25"/>
      <c r="Q82" s="25"/>
      <c r="R82" s="25"/>
      <c r="S82" s="25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25"/>
      <c r="AG82" s="25"/>
      <c r="AH82" s="25"/>
      <c r="AI82" s="25"/>
      <c r="AJ82" s="25"/>
      <c r="AK82" s="25"/>
      <c r="AL82" s="25"/>
      <c r="AM82" s="25"/>
      <c r="AN82" s="25"/>
      <c r="AO82" s="25"/>
      <c r="AP82" s="25"/>
      <c r="AQ82" s="25"/>
      <c r="AR82" s="25"/>
      <c r="AS82" s="25"/>
      <c r="AT82" s="25"/>
      <c r="AU82" s="25"/>
      <c r="AV82" s="25"/>
      <c r="AW82" s="25"/>
      <c r="AX82" s="25"/>
      <c r="AY82" s="25"/>
      <c r="AZ82" s="25"/>
      <c r="BA82" s="25"/>
      <c r="BB82" s="25"/>
      <c r="BC82" s="25"/>
      <c r="BD82" s="25"/>
      <c r="BE82" s="25"/>
      <c r="BF82" s="25"/>
      <c r="BG82" s="25"/>
      <c r="BH82" s="25"/>
      <c r="BI82" s="25"/>
      <c r="BJ82" s="25"/>
      <c r="BK82" s="25"/>
      <c r="BL82" s="25"/>
      <c r="BM82" s="25"/>
      <c r="BN82" s="25"/>
      <c r="BO82" s="25"/>
    </row>
    <row r="83" spans="1:67" x14ac:dyDescent="0.15">
      <c r="A83" s="25"/>
      <c r="B83" s="25"/>
      <c r="C83" s="25"/>
      <c r="D83" s="25"/>
      <c r="E83" s="25"/>
      <c r="F83" s="25"/>
      <c r="G83" s="25"/>
      <c r="H83" s="25"/>
      <c r="I83" s="25"/>
      <c r="J83" s="25"/>
      <c r="K83" s="25"/>
      <c r="L83" s="25"/>
      <c r="M83" s="25"/>
      <c r="N83" s="25"/>
      <c r="O83" s="25"/>
      <c r="P83" s="25"/>
      <c r="Q83" s="25"/>
      <c r="R83" s="25"/>
      <c r="S83" s="25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25"/>
      <c r="AG83" s="25"/>
      <c r="AH83" s="25"/>
      <c r="AI83" s="25"/>
      <c r="AJ83" s="25"/>
      <c r="AK83" s="25"/>
      <c r="AL83" s="25"/>
      <c r="AM83" s="25"/>
      <c r="AN83" s="25"/>
      <c r="AO83" s="25"/>
      <c r="AP83" s="25"/>
      <c r="AQ83" s="25"/>
      <c r="AR83" s="25"/>
      <c r="AS83" s="25"/>
      <c r="AT83" s="25"/>
      <c r="AU83" s="25"/>
      <c r="AV83" s="25"/>
      <c r="AW83" s="25"/>
      <c r="AX83" s="25"/>
      <c r="AY83" s="25"/>
      <c r="AZ83" s="25"/>
      <c r="BA83" s="25"/>
      <c r="BB83" s="25"/>
      <c r="BC83" s="25"/>
      <c r="BD83" s="25"/>
      <c r="BE83" s="25"/>
      <c r="BF83" s="25"/>
      <c r="BG83" s="25"/>
      <c r="BH83" s="25"/>
      <c r="BI83" s="25"/>
      <c r="BJ83" s="25"/>
      <c r="BK83" s="25"/>
      <c r="BL83" s="25"/>
      <c r="BM83" s="25"/>
      <c r="BN83" s="25"/>
      <c r="BO83" s="25"/>
    </row>
    <row r="84" spans="1:67" x14ac:dyDescent="0.15">
      <c r="A84" s="25"/>
      <c r="B84" s="25"/>
      <c r="C84" s="25"/>
      <c r="D84" s="25"/>
      <c r="E84" s="25"/>
      <c r="F84" s="25"/>
      <c r="G84" s="25"/>
      <c r="H84" s="25"/>
      <c r="I84" s="25"/>
      <c r="J84" s="25"/>
      <c r="K84" s="25"/>
      <c r="L84" s="25"/>
      <c r="M84" s="25"/>
      <c r="N84" s="25"/>
      <c r="O84" s="25"/>
      <c r="P84" s="25"/>
      <c r="Q84" s="25"/>
      <c r="R84" s="25"/>
      <c r="S84" s="25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25"/>
      <c r="AG84" s="25"/>
      <c r="AH84" s="25"/>
      <c r="AI84" s="25"/>
      <c r="AJ84" s="25"/>
      <c r="AK84" s="25"/>
      <c r="AL84" s="25"/>
      <c r="AM84" s="25"/>
      <c r="AN84" s="25"/>
      <c r="AO84" s="25"/>
      <c r="AP84" s="25"/>
      <c r="AQ84" s="25"/>
      <c r="AR84" s="25"/>
      <c r="AS84" s="25"/>
      <c r="AT84" s="25"/>
      <c r="AU84" s="25"/>
      <c r="AV84" s="25"/>
      <c r="AW84" s="25"/>
      <c r="AX84" s="25"/>
      <c r="AY84" s="25"/>
      <c r="AZ84" s="25"/>
      <c r="BA84" s="25"/>
      <c r="BB84" s="25"/>
      <c r="BC84" s="25"/>
      <c r="BD84" s="25"/>
      <c r="BE84" s="25"/>
      <c r="BF84" s="25"/>
      <c r="BG84" s="25"/>
      <c r="BH84" s="25"/>
      <c r="BI84" s="25"/>
      <c r="BJ84" s="25"/>
      <c r="BK84" s="25"/>
      <c r="BL84" s="25"/>
      <c r="BM84" s="25"/>
      <c r="BN84" s="25"/>
      <c r="BO84" s="25"/>
    </row>
    <row r="85" spans="1:67" x14ac:dyDescent="0.15">
      <c r="A85" s="25"/>
      <c r="B85" s="25"/>
      <c r="C85" s="25"/>
      <c r="D85" s="25"/>
      <c r="E85" s="25"/>
      <c r="F85" s="25"/>
      <c r="G85" s="25"/>
      <c r="H85" s="25"/>
      <c r="I85" s="25"/>
      <c r="J85" s="25"/>
      <c r="K85" s="25"/>
      <c r="L85" s="25"/>
      <c r="M85" s="25"/>
      <c r="N85" s="25"/>
      <c r="O85" s="25"/>
      <c r="P85" s="25"/>
      <c r="Q85" s="25"/>
      <c r="R85" s="25"/>
      <c r="S85" s="25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25"/>
      <c r="AG85" s="25"/>
      <c r="AH85" s="25"/>
      <c r="AI85" s="25"/>
      <c r="AJ85" s="25"/>
      <c r="AK85" s="25"/>
      <c r="AL85" s="25"/>
      <c r="AM85" s="25"/>
      <c r="AN85" s="25"/>
      <c r="AO85" s="25"/>
      <c r="AP85" s="25"/>
      <c r="AQ85" s="25"/>
      <c r="AR85" s="25"/>
      <c r="AS85" s="25"/>
      <c r="AT85" s="25"/>
      <c r="AU85" s="25"/>
      <c r="AV85" s="25"/>
      <c r="AW85" s="25"/>
      <c r="AX85" s="25"/>
      <c r="AY85" s="25"/>
      <c r="AZ85" s="25"/>
      <c r="BA85" s="25"/>
      <c r="BB85" s="25"/>
      <c r="BC85" s="25"/>
      <c r="BD85" s="25"/>
      <c r="BE85" s="25"/>
      <c r="BF85" s="25"/>
      <c r="BG85" s="25"/>
      <c r="BH85" s="25"/>
      <c r="BI85" s="25"/>
      <c r="BJ85" s="25"/>
      <c r="BK85" s="25"/>
      <c r="BL85" s="25"/>
      <c r="BM85" s="25"/>
      <c r="BN85" s="25"/>
      <c r="BO85" s="25"/>
    </row>
    <row r="86" spans="1:67" x14ac:dyDescent="0.15">
      <c r="A86" s="25"/>
      <c r="B86" s="25"/>
      <c r="C86" s="25"/>
      <c r="D86" s="25"/>
      <c r="E86" s="25"/>
      <c r="F86" s="25"/>
      <c r="G86" s="25"/>
      <c r="H86" s="25"/>
      <c r="I86" s="25"/>
      <c r="J86" s="25"/>
      <c r="K86" s="25"/>
      <c r="L86" s="25"/>
      <c r="M86" s="25"/>
      <c r="N86" s="25"/>
      <c r="O86" s="25"/>
      <c r="P86" s="25"/>
      <c r="Q86" s="25"/>
      <c r="R86" s="25"/>
      <c r="S86" s="25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25"/>
      <c r="AG86" s="25"/>
      <c r="AH86" s="25"/>
      <c r="AI86" s="25"/>
      <c r="AJ86" s="25"/>
      <c r="AK86" s="25"/>
      <c r="AL86" s="25"/>
      <c r="AM86" s="25"/>
      <c r="AN86" s="25"/>
      <c r="AO86" s="25"/>
      <c r="AP86" s="25"/>
      <c r="AQ86" s="25"/>
      <c r="AR86" s="25"/>
      <c r="AS86" s="25"/>
      <c r="AT86" s="25"/>
      <c r="AU86" s="25"/>
      <c r="AV86" s="25"/>
      <c r="AW86" s="25"/>
      <c r="AX86" s="25"/>
      <c r="AY86" s="25"/>
      <c r="AZ86" s="25"/>
      <c r="BA86" s="25"/>
      <c r="BB86" s="25"/>
      <c r="BC86" s="25"/>
      <c r="BD86" s="25"/>
      <c r="BE86" s="25"/>
      <c r="BF86" s="25"/>
      <c r="BG86" s="25"/>
      <c r="BH86" s="25"/>
      <c r="BI86" s="25"/>
      <c r="BJ86" s="25"/>
      <c r="BK86" s="25"/>
      <c r="BL86" s="25"/>
      <c r="BM86" s="25"/>
      <c r="BN86" s="25"/>
      <c r="BO86" s="25"/>
    </row>
    <row r="87" spans="1:67" x14ac:dyDescent="0.15">
      <c r="A87" s="25"/>
      <c r="B87" s="25"/>
      <c r="C87" s="25"/>
      <c r="D87" s="25"/>
      <c r="E87" s="25"/>
      <c r="F87" s="25"/>
      <c r="G87" s="25"/>
      <c r="H87" s="25"/>
      <c r="I87" s="25"/>
      <c r="J87" s="25"/>
      <c r="K87" s="25"/>
      <c r="L87" s="25"/>
      <c r="M87" s="25"/>
      <c r="N87" s="25"/>
      <c r="O87" s="25"/>
      <c r="P87" s="25"/>
      <c r="Q87" s="25"/>
      <c r="R87" s="25"/>
      <c r="S87" s="25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25"/>
      <c r="AG87" s="25"/>
      <c r="AH87" s="25"/>
      <c r="AI87" s="25"/>
      <c r="AJ87" s="25"/>
      <c r="AK87" s="25"/>
      <c r="AL87" s="25"/>
      <c r="AM87" s="25"/>
      <c r="AN87" s="25"/>
      <c r="AO87" s="25"/>
      <c r="AP87" s="25"/>
      <c r="AQ87" s="25"/>
      <c r="AR87" s="25"/>
      <c r="AS87" s="25"/>
      <c r="AT87" s="25"/>
      <c r="AU87" s="25"/>
      <c r="AV87" s="25"/>
      <c r="AW87" s="25"/>
      <c r="AX87" s="25"/>
      <c r="AY87" s="25"/>
      <c r="AZ87" s="25"/>
      <c r="BA87" s="25"/>
      <c r="BB87" s="25"/>
      <c r="BC87" s="25"/>
      <c r="BD87" s="25"/>
      <c r="BE87" s="25"/>
      <c r="BF87" s="25"/>
      <c r="BG87" s="25"/>
      <c r="BH87" s="25"/>
      <c r="BI87" s="25"/>
      <c r="BJ87" s="25"/>
      <c r="BK87" s="25"/>
      <c r="BL87" s="25"/>
      <c r="BM87" s="25"/>
      <c r="BN87" s="25"/>
      <c r="BO87" s="25"/>
    </row>
    <row r="88" spans="1:67" x14ac:dyDescent="0.15">
      <c r="A88" s="25"/>
      <c r="B88" s="25"/>
      <c r="C88" s="25"/>
      <c r="D88" s="25"/>
      <c r="E88" s="25"/>
      <c r="F88" s="25"/>
      <c r="G88" s="25"/>
      <c r="H88" s="25"/>
      <c r="I88" s="25"/>
      <c r="J88" s="25"/>
      <c r="K88" s="25"/>
      <c r="L88" s="25"/>
      <c r="M88" s="25"/>
      <c r="N88" s="25"/>
      <c r="O88" s="25"/>
      <c r="P88" s="25"/>
      <c r="Q88" s="25"/>
      <c r="R88" s="25"/>
      <c r="S88" s="25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25"/>
      <c r="AG88" s="25"/>
      <c r="AH88" s="25"/>
      <c r="AI88" s="25"/>
      <c r="AJ88" s="25"/>
      <c r="AK88" s="25"/>
      <c r="AL88" s="25"/>
      <c r="AM88" s="25"/>
      <c r="AN88" s="25"/>
      <c r="AO88" s="25"/>
      <c r="AP88" s="25"/>
      <c r="AQ88" s="25"/>
      <c r="AR88" s="25"/>
      <c r="AS88" s="25"/>
      <c r="AT88" s="25"/>
      <c r="AU88" s="25"/>
      <c r="AV88" s="25"/>
      <c r="AW88" s="25"/>
      <c r="AX88" s="25"/>
      <c r="AY88" s="25"/>
      <c r="AZ88" s="25"/>
      <c r="BA88" s="25"/>
      <c r="BB88" s="25"/>
      <c r="BC88" s="25"/>
      <c r="BD88" s="25"/>
      <c r="BE88" s="25"/>
      <c r="BF88" s="25"/>
      <c r="BG88" s="25"/>
      <c r="BH88" s="25"/>
      <c r="BI88" s="25"/>
      <c r="BJ88" s="25"/>
      <c r="BK88" s="25"/>
      <c r="BL88" s="25"/>
      <c r="BM88" s="25"/>
      <c r="BN88" s="25"/>
      <c r="BO88" s="25"/>
    </row>
    <row r="89" spans="1:67" x14ac:dyDescent="0.15">
      <c r="A89" s="25"/>
      <c r="B89" s="25"/>
      <c r="C89" s="25"/>
      <c r="D89" s="25"/>
      <c r="E89" s="25"/>
      <c r="F89" s="25"/>
      <c r="G89" s="25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25"/>
      <c r="AG89" s="25"/>
      <c r="AH89" s="25"/>
      <c r="AI89" s="25"/>
      <c r="AJ89" s="25"/>
      <c r="AK89" s="25"/>
      <c r="AL89" s="25"/>
      <c r="AM89" s="25"/>
      <c r="AN89" s="25"/>
      <c r="AO89" s="25"/>
      <c r="AP89" s="25"/>
      <c r="AQ89" s="25"/>
      <c r="AR89" s="25"/>
      <c r="AS89" s="25"/>
      <c r="AT89" s="25"/>
      <c r="AU89" s="25"/>
      <c r="AV89" s="25"/>
      <c r="AW89" s="25"/>
      <c r="AX89" s="25"/>
      <c r="AY89" s="25"/>
      <c r="AZ89" s="25"/>
      <c r="BA89" s="25"/>
      <c r="BB89" s="25"/>
      <c r="BC89" s="25"/>
      <c r="BD89" s="25"/>
      <c r="BE89" s="25"/>
      <c r="BF89" s="25"/>
      <c r="BG89" s="25"/>
      <c r="BH89" s="25"/>
      <c r="BI89" s="25"/>
      <c r="BJ89" s="25"/>
      <c r="BK89" s="25"/>
      <c r="BL89" s="25"/>
      <c r="BM89" s="25"/>
      <c r="BN89" s="25"/>
      <c r="BO89" s="25"/>
    </row>
    <row r="90" spans="1:67" x14ac:dyDescent="0.15">
      <c r="A90" s="25"/>
      <c r="B90" s="25"/>
      <c r="C90" s="25"/>
      <c r="D90" s="25"/>
      <c r="E90" s="25"/>
      <c r="F90" s="25"/>
      <c r="G90" s="25"/>
      <c r="H90" s="25"/>
      <c r="I90" s="25"/>
      <c r="J90" s="25"/>
      <c r="K90" s="25"/>
      <c r="L90" s="25"/>
      <c r="M90" s="25"/>
      <c r="N90" s="25"/>
      <c r="O90" s="25"/>
      <c r="P90" s="25"/>
      <c r="Q90" s="25"/>
      <c r="R90" s="25"/>
      <c r="S90" s="25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25"/>
      <c r="AG90" s="25"/>
      <c r="AH90" s="25"/>
      <c r="AI90" s="25"/>
      <c r="AJ90" s="25"/>
      <c r="AK90" s="25"/>
      <c r="AL90" s="25"/>
      <c r="AM90" s="25"/>
      <c r="AN90" s="25"/>
      <c r="AO90" s="25"/>
      <c r="AP90" s="25"/>
      <c r="AQ90" s="25"/>
      <c r="AR90" s="25"/>
      <c r="AS90" s="25"/>
      <c r="AT90" s="25"/>
      <c r="AU90" s="25"/>
      <c r="AV90" s="25"/>
      <c r="AW90" s="25"/>
      <c r="AX90" s="25"/>
      <c r="AY90" s="25"/>
      <c r="AZ90" s="25"/>
      <c r="BA90" s="25"/>
      <c r="BB90" s="25"/>
      <c r="BC90" s="25"/>
      <c r="BD90" s="25"/>
      <c r="BE90" s="25"/>
      <c r="BF90" s="25"/>
      <c r="BG90" s="25"/>
      <c r="BH90" s="25"/>
      <c r="BI90" s="25"/>
      <c r="BJ90" s="25"/>
      <c r="BK90" s="25"/>
      <c r="BL90" s="25"/>
      <c r="BM90" s="25"/>
      <c r="BN90" s="25"/>
      <c r="BO90" s="25"/>
    </row>
    <row r="91" spans="1:67" x14ac:dyDescent="0.15">
      <c r="A91" s="25"/>
      <c r="B91" s="25"/>
      <c r="C91" s="25"/>
      <c r="D91" s="25"/>
      <c r="E91" s="25"/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25"/>
      <c r="AG91" s="25"/>
      <c r="AH91" s="25"/>
      <c r="AI91" s="25"/>
      <c r="AJ91" s="25"/>
      <c r="AK91" s="25"/>
      <c r="AL91" s="25"/>
      <c r="AM91" s="25"/>
      <c r="AN91" s="25"/>
      <c r="AO91" s="25"/>
      <c r="AP91" s="25"/>
      <c r="AQ91" s="25"/>
      <c r="AR91" s="25"/>
      <c r="AS91" s="25"/>
      <c r="AT91" s="25"/>
      <c r="AU91" s="25"/>
      <c r="AV91" s="25"/>
      <c r="AW91" s="25"/>
      <c r="AX91" s="25"/>
      <c r="AY91" s="25"/>
      <c r="AZ91" s="25"/>
      <c r="BA91" s="25"/>
      <c r="BB91" s="25"/>
      <c r="BC91" s="25"/>
      <c r="BD91" s="25"/>
      <c r="BE91" s="25"/>
      <c r="BF91" s="25"/>
      <c r="BG91" s="25"/>
      <c r="BH91" s="25"/>
      <c r="BI91" s="25"/>
      <c r="BJ91" s="25"/>
      <c r="BK91" s="25"/>
      <c r="BL91" s="25"/>
      <c r="BM91" s="25"/>
      <c r="BN91" s="25"/>
      <c r="BO91" s="25"/>
    </row>
    <row r="92" spans="1:67" x14ac:dyDescent="0.15">
      <c r="A92" s="25"/>
      <c r="B92" s="25"/>
      <c r="C92" s="25"/>
      <c r="D92" s="25"/>
      <c r="E92" s="25"/>
      <c r="F92" s="25"/>
      <c r="G92" s="25"/>
      <c r="H92" s="25"/>
      <c r="I92" s="25"/>
      <c r="J92" s="25"/>
      <c r="K92" s="25"/>
      <c r="L92" s="25"/>
      <c r="M92" s="25"/>
      <c r="N92" s="25"/>
      <c r="O92" s="25"/>
      <c r="P92" s="25"/>
      <c r="Q92" s="25"/>
      <c r="R92" s="25"/>
      <c r="S92" s="25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25"/>
      <c r="AG92" s="25"/>
      <c r="AH92" s="25"/>
      <c r="AI92" s="25"/>
      <c r="AJ92" s="25"/>
      <c r="AK92" s="25"/>
      <c r="AL92" s="25"/>
      <c r="AM92" s="25"/>
      <c r="AN92" s="25"/>
      <c r="AO92" s="25"/>
      <c r="AP92" s="25"/>
      <c r="AQ92" s="25"/>
      <c r="AR92" s="25"/>
      <c r="AS92" s="25"/>
      <c r="AT92" s="25"/>
      <c r="AU92" s="25"/>
      <c r="AV92" s="25"/>
      <c r="AW92" s="25"/>
      <c r="AX92" s="25"/>
      <c r="AY92" s="25"/>
      <c r="AZ92" s="25"/>
      <c r="BA92" s="25"/>
      <c r="BB92" s="25"/>
      <c r="BC92" s="25"/>
      <c r="BD92" s="25"/>
      <c r="BE92" s="25"/>
      <c r="BF92" s="25"/>
      <c r="BG92" s="25"/>
      <c r="BH92" s="25"/>
      <c r="BI92" s="25"/>
      <c r="BJ92" s="25"/>
      <c r="BK92" s="25"/>
      <c r="BL92" s="25"/>
      <c r="BM92" s="25"/>
      <c r="BN92" s="25"/>
      <c r="BO92" s="25"/>
    </row>
    <row r="93" spans="1:67" x14ac:dyDescent="0.15">
      <c r="A93" s="25"/>
      <c r="B93" s="25"/>
      <c r="C93" s="25"/>
      <c r="D93" s="25"/>
      <c r="E93" s="25"/>
      <c r="F93" s="25"/>
      <c r="G93" s="25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25"/>
      <c r="AG93" s="25"/>
      <c r="AH93" s="25"/>
      <c r="AI93" s="25"/>
      <c r="AJ93" s="25"/>
      <c r="AK93" s="25"/>
      <c r="AL93" s="25"/>
      <c r="AM93" s="25"/>
      <c r="AN93" s="25"/>
      <c r="AO93" s="25"/>
      <c r="AP93" s="25"/>
      <c r="AQ93" s="25"/>
      <c r="AR93" s="25"/>
      <c r="AS93" s="25"/>
      <c r="AT93" s="25"/>
      <c r="AU93" s="25"/>
      <c r="AV93" s="25"/>
      <c r="AW93" s="25"/>
      <c r="AX93" s="25"/>
      <c r="AY93" s="25"/>
      <c r="AZ93" s="25"/>
      <c r="BA93" s="25"/>
      <c r="BB93" s="25"/>
      <c r="BC93" s="25"/>
      <c r="BD93" s="25"/>
      <c r="BE93" s="25"/>
      <c r="BF93" s="25"/>
      <c r="BG93" s="25"/>
      <c r="BH93" s="25"/>
      <c r="BI93" s="25"/>
      <c r="BJ93" s="25"/>
      <c r="BK93" s="25"/>
      <c r="BL93" s="25"/>
      <c r="BM93" s="25"/>
      <c r="BN93" s="25"/>
      <c r="BO93" s="25"/>
    </row>
    <row r="94" spans="1:67" x14ac:dyDescent="0.15">
      <c r="A94" s="25"/>
      <c r="B94" s="25"/>
      <c r="C94" s="25"/>
      <c r="D94" s="25"/>
      <c r="E94" s="25"/>
      <c r="F94" s="25"/>
      <c r="G94" s="25"/>
      <c r="H94" s="25"/>
      <c r="I94" s="25"/>
      <c r="J94" s="25"/>
      <c r="K94" s="25"/>
      <c r="L94" s="25"/>
      <c r="M94" s="25"/>
      <c r="N94" s="25"/>
      <c r="O94" s="25"/>
      <c r="P94" s="25"/>
      <c r="Q94" s="25"/>
      <c r="R94" s="25"/>
      <c r="S94" s="25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25"/>
      <c r="AG94" s="25"/>
      <c r="AH94" s="25"/>
      <c r="AI94" s="25"/>
      <c r="AJ94" s="25"/>
      <c r="AK94" s="25"/>
      <c r="AL94" s="25"/>
      <c r="AM94" s="25"/>
      <c r="AN94" s="25"/>
      <c r="AO94" s="25"/>
      <c r="AP94" s="25"/>
      <c r="AQ94" s="25"/>
      <c r="AR94" s="25"/>
      <c r="AS94" s="25"/>
      <c r="AT94" s="25"/>
      <c r="AU94" s="25"/>
      <c r="AV94" s="25"/>
      <c r="AW94" s="25"/>
      <c r="AX94" s="25"/>
      <c r="AY94" s="25"/>
      <c r="AZ94" s="25"/>
      <c r="BA94" s="25"/>
      <c r="BB94" s="25"/>
      <c r="BC94" s="25"/>
      <c r="BD94" s="25"/>
      <c r="BE94" s="25"/>
      <c r="BF94" s="25"/>
      <c r="BG94" s="25"/>
      <c r="BH94" s="25"/>
      <c r="BI94" s="25"/>
      <c r="BJ94" s="25"/>
      <c r="BK94" s="25"/>
      <c r="BL94" s="25"/>
      <c r="BM94" s="25"/>
      <c r="BN94" s="25"/>
      <c r="BO94" s="25"/>
    </row>
    <row r="95" spans="1:67" x14ac:dyDescent="0.15">
      <c r="A95" s="25"/>
      <c r="B95" s="25"/>
      <c r="C95" s="25"/>
      <c r="D95" s="25"/>
      <c r="E95" s="25"/>
      <c r="F95" s="25"/>
      <c r="G95" s="25"/>
      <c r="H95" s="25"/>
      <c r="I95" s="25"/>
      <c r="J95" s="25"/>
      <c r="K95" s="25"/>
      <c r="L95" s="25"/>
      <c r="M95" s="25"/>
      <c r="N95" s="25"/>
      <c r="O95" s="25"/>
      <c r="P95" s="25"/>
      <c r="Q95" s="25"/>
      <c r="R95" s="25"/>
      <c r="S95" s="25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25"/>
      <c r="AG95" s="25"/>
      <c r="AH95" s="25"/>
      <c r="AI95" s="25"/>
      <c r="AJ95" s="25"/>
      <c r="AK95" s="25"/>
      <c r="AL95" s="25"/>
      <c r="AM95" s="25"/>
      <c r="AN95" s="25"/>
      <c r="AO95" s="25"/>
      <c r="AP95" s="25"/>
      <c r="AQ95" s="25"/>
      <c r="AR95" s="25"/>
      <c r="AS95" s="25"/>
      <c r="AT95" s="25"/>
      <c r="AU95" s="25"/>
      <c r="AV95" s="25"/>
      <c r="AW95" s="25"/>
      <c r="AX95" s="25"/>
      <c r="AY95" s="25"/>
      <c r="AZ95" s="25"/>
      <c r="BA95" s="25"/>
      <c r="BB95" s="25"/>
      <c r="BC95" s="25"/>
      <c r="BD95" s="25"/>
      <c r="BE95" s="25"/>
      <c r="BF95" s="25"/>
      <c r="BG95" s="25"/>
      <c r="BH95" s="25"/>
      <c r="BI95" s="25"/>
      <c r="BJ95" s="25"/>
      <c r="BK95" s="25"/>
      <c r="BL95" s="25"/>
      <c r="BM95" s="25"/>
      <c r="BN95" s="25"/>
      <c r="BO95" s="25"/>
    </row>
    <row r="96" spans="1:67" x14ac:dyDescent="0.15">
      <c r="A96" s="25"/>
      <c r="B96" s="25"/>
      <c r="C96" s="25"/>
      <c r="D96" s="25"/>
      <c r="E96" s="25"/>
      <c r="F96" s="25"/>
      <c r="G96" s="25"/>
      <c r="H96" s="25"/>
      <c r="I96" s="25"/>
      <c r="J96" s="25"/>
      <c r="K96" s="25"/>
      <c r="L96" s="25"/>
      <c r="M96" s="25"/>
      <c r="N96" s="25"/>
      <c r="O96" s="25"/>
      <c r="P96" s="25"/>
      <c r="Q96" s="25"/>
      <c r="R96" s="25"/>
      <c r="S96" s="25"/>
      <c r="T96" s="25"/>
      <c r="U96" s="25"/>
      <c r="V96" s="25"/>
      <c r="W96" s="25"/>
      <c r="X96" s="25"/>
      <c r="Y96" s="25"/>
      <c r="Z96" s="25"/>
      <c r="AA96" s="25"/>
      <c r="AB96" s="25"/>
      <c r="AC96" s="25"/>
      <c r="AD96" s="25"/>
      <c r="AE96" s="25"/>
      <c r="AF96" s="25"/>
      <c r="AG96" s="25"/>
      <c r="AH96" s="25"/>
      <c r="AI96" s="25"/>
      <c r="AJ96" s="25"/>
      <c r="AK96" s="25"/>
      <c r="AL96" s="25"/>
      <c r="AM96" s="25"/>
      <c r="AN96" s="25"/>
      <c r="AO96" s="25"/>
      <c r="AP96" s="25"/>
      <c r="AQ96" s="25"/>
      <c r="AR96" s="25"/>
      <c r="AS96" s="25"/>
      <c r="AT96" s="25"/>
      <c r="AU96" s="25"/>
      <c r="AV96" s="25"/>
      <c r="AW96" s="25"/>
      <c r="AX96" s="25"/>
      <c r="AY96" s="25"/>
      <c r="AZ96" s="25"/>
      <c r="BA96" s="25"/>
      <c r="BB96" s="25"/>
      <c r="BC96" s="25"/>
      <c r="BD96" s="25"/>
      <c r="BE96" s="25"/>
      <c r="BF96" s="25"/>
      <c r="BG96" s="25"/>
      <c r="BH96" s="25"/>
      <c r="BI96" s="25"/>
      <c r="BJ96" s="25"/>
      <c r="BK96" s="25"/>
      <c r="BL96" s="25"/>
      <c r="BM96" s="25"/>
      <c r="BN96" s="25"/>
      <c r="BO96" s="25"/>
    </row>
    <row r="97" spans="1:67" x14ac:dyDescent="0.15">
      <c r="A97" s="25"/>
      <c r="B97" s="25"/>
      <c r="C97" s="25"/>
      <c r="D97" s="25"/>
      <c r="E97" s="25"/>
      <c r="F97" s="25"/>
      <c r="G97" s="25"/>
      <c r="H97" s="25"/>
      <c r="I97" s="25"/>
      <c r="J97" s="25"/>
      <c r="K97" s="25"/>
      <c r="L97" s="25"/>
      <c r="M97" s="25"/>
      <c r="N97" s="25"/>
      <c r="O97" s="25"/>
      <c r="P97" s="25"/>
      <c r="Q97" s="25"/>
      <c r="R97" s="25"/>
      <c r="S97" s="25"/>
      <c r="T97" s="25"/>
      <c r="U97" s="25"/>
      <c r="V97" s="25"/>
      <c r="W97" s="25"/>
      <c r="X97" s="25"/>
      <c r="Y97" s="25"/>
      <c r="Z97" s="25"/>
      <c r="AA97" s="25"/>
      <c r="AB97" s="25"/>
      <c r="AC97" s="25"/>
      <c r="AD97" s="25"/>
      <c r="AE97" s="25"/>
      <c r="AF97" s="25"/>
      <c r="AG97" s="25"/>
      <c r="AH97" s="25"/>
      <c r="AI97" s="25"/>
      <c r="AJ97" s="25"/>
      <c r="AK97" s="25"/>
      <c r="AL97" s="25"/>
      <c r="AM97" s="25"/>
      <c r="AN97" s="25"/>
      <c r="AO97" s="25"/>
      <c r="AP97" s="25"/>
      <c r="AQ97" s="25"/>
      <c r="AR97" s="25"/>
      <c r="AS97" s="25"/>
      <c r="AT97" s="25"/>
      <c r="AU97" s="25"/>
      <c r="AV97" s="25"/>
      <c r="AW97" s="25"/>
      <c r="AX97" s="25"/>
      <c r="AY97" s="25"/>
      <c r="AZ97" s="25"/>
      <c r="BA97" s="25"/>
      <c r="BB97" s="25"/>
      <c r="BC97" s="25"/>
      <c r="BD97" s="25"/>
      <c r="BE97" s="25"/>
      <c r="BF97" s="25"/>
      <c r="BG97" s="25"/>
      <c r="BH97" s="25"/>
      <c r="BI97" s="25"/>
      <c r="BJ97" s="25"/>
      <c r="BK97" s="25"/>
      <c r="BL97" s="25"/>
      <c r="BM97" s="25"/>
      <c r="BN97" s="25"/>
      <c r="BO97" s="25"/>
    </row>
    <row r="98" spans="1:67" x14ac:dyDescent="0.15">
      <c r="A98" s="25"/>
      <c r="B98" s="25"/>
      <c r="C98" s="25"/>
      <c r="D98" s="25"/>
      <c r="E98" s="25"/>
      <c r="F98" s="25"/>
      <c r="G98" s="25"/>
      <c r="H98" s="25"/>
      <c r="I98" s="25"/>
      <c r="J98" s="25"/>
      <c r="K98" s="25"/>
      <c r="L98" s="25"/>
      <c r="M98" s="25"/>
      <c r="N98" s="25"/>
      <c r="O98" s="25"/>
      <c r="P98" s="25"/>
      <c r="Q98" s="25"/>
      <c r="R98" s="25"/>
      <c r="S98" s="25"/>
      <c r="T98" s="25"/>
      <c r="U98" s="25"/>
      <c r="V98" s="25"/>
      <c r="W98" s="25"/>
      <c r="X98" s="25"/>
      <c r="Y98" s="25"/>
      <c r="Z98" s="25"/>
      <c r="AA98" s="25"/>
      <c r="AB98" s="25"/>
      <c r="AC98" s="25"/>
      <c r="AD98" s="25"/>
      <c r="AE98" s="25"/>
      <c r="AF98" s="25"/>
      <c r="AG98" s="25"/>
      <c r="AH98" s="25"/>
      <c r="AI98" s="25"/>
      <c r="AJ98" s="25"/>
      <c r="AK98" s="25"/>
      <c r="AL98" s="25"/>
      <c r="AM98" s="25"/>
      <c r="AN98" s="25"/>
      <c r="AO98" s="25"/>
      <c r="AP98" s="25"/>
      <c r="AQ98" s="25"/>
      <c r="AR98" s="25"/>
      <c r="AS98" s="25"/>
      <c r="AT98" s="25"/>
      <c r="AU98" s="25"/>
      <c r="AV98" s="25"/>
      <c r="AW98" s="25"/>
      <c r="AX98" s="25"/>
      <c r="AY98" s="25"/>
      <c r="AZ98" s="25"/>
      <c r="BA98" s="25"/>
      <c r="BB98" s="25"/>
      <c r="BC98" s="25"/>
      <c r="BD98" s="25"/>
      <c r="BE98" s="25"/>
      <c r="BF98" s="25"/>
      <c r="BG98" s="25"/>
      <c r="BH98" s="25"/>
      <c r="BI98" s="25"/>
      <c r="BJ98" s="25"/>
      <c r="BK98" s="25"/>
      <c r="BL98" s="25"/>
      <c r="BM98" s="25"/>
      <c r="BN98" s="25"/>
      <c r="BO98" s="25"/>
    </row>
    <row r="99" spans="1:67" x14ac:dyDescent="0.15">
      <c r="A99" s="25"/>
      <c r="B99" s="25"/>
      <c r="C99" s="25"/>
      <c r="D99" s="25"/>
      <c r="E99" s="25"/>
      <c r="F99" s="25"/>
      <c r="G99" s="25"/>
      <c r="H99" s="25"/>
      <c r="I99" s="25"/>
      <c r="J99" s="25"/>
      <c r="K99" s="25"/>
      <c r="L99" s="25"/>
      <c r="M99" s="25"/>
      <c r="N99" s="25"/>
      <c r="O99" s="25"/>
      <c r="P99" s="25"/>
      <c r="Q99" s="25"/>
      <c r="R99" s="25"/>
      <c r="S99" s="25"/>
      <c r="T99" s="25"/>
      <c r="U99" s="25"/>
      <c r="V99" s="25"/>
      <c r="W99" s="25"/>
      <c r="X99" s="25"/>
      <c r="Y99" s="25"/>
      <c r="Z99" s="25"/>
      <c r="AA99" s="25"/>
      <c r="AB99" s="25"/>
      <c r="AC99" s="25"/>
      <c r="AD99" s="25"/>
      <c r="AE99" s="25"/>
      <c r="AF99" s="25"/>
      <c r="AG99" s="25"/>
      <c r="AH99" s="25"/>
      <c r="AI99" s="25"/>
      <c r="AJ99" s="25"/>
      <c r="AK99" s="25"/>
      <c r="AL99" s="25"/>
      <c r="AM99" s="25"/>
      <c r="AN99" s="25"/>
      <c r="AO99" s="25"/>
      <c r="AP99" s="25"/>
      <c r="AQ99" s="25"/>
      <c r="AR99" s="25"/>
      <c r="AS99" s="25"/>
      <c r="AT99" s="25"/>
      <c r="AU99" s="25"/>
      <c r="AV99" s="25"/>
      <c r="AW99" s="25"/>
      <c r="AX99" s="25"/>
      <c r="AY99" s="25"/>
      <c r="AZ99" s="25"/>
      <c r="BA99" s="25"/>
      <c r="BB99" s="25"/>
      <c r="BC99" s="25"/>
      <c r="BD99" s="25"/>
      <c r="BE99" s="25"/>
      <c r="BF99" s="25"/>
      <c r="BG99" s="25"/>
      <c r="BH99" s="25"/>
      <c r="BI99" s="25"/>
      <c r="BJ99" s="25"/>
      <c r="BK99" s="25"/>
      <c r="BL99" s="25"/>
      <c r="BM99" s="25"/>
      <c r="BN99" s="25"/>
      <c r="BO99" s="25"/>
    </row>
    <row r="100" spans="1:67" x14ac:dyDescent="0.15">
      <c r="A100" s="25"/>
      <c r="B100" s="25"/>
      <c r="C100" s="25"/>
      <c r="D100" s="25"/>
      <c r="E100" s="25"/>
      <c r="F100" s="25"/>
      <c r="G100" s="25"/>
      <c r="H100" s="25"/>
      <c r="I100" s="25"/>
      <c r="J100" s="25"/>
      <c r="K100" s="25"/>
      <c r="L100" s="25"/>
      <c r="M100" s="25"/>
      <c r="N100" s="25"/>
      <c r="O100" s="25"/>
      <c r="P100" s="25"/>
      <c r="Q100" s="25"/>
      <c r="R100" s="25"/>
      <c r="S100" s="25"/>
      <c r="T100" s="25"/>
      <c r="U100" s="25"/>
      <c r="V100" s="25"/>
      <c r="W100" s="25"/>
      <c r="X100" s="25"/>
      <c r="Y100" s="25"/>
      <c r="Z100" s="25"/>
      <c r="AA100" s="25"/>
      <c r="AB100" s="25"/>
      <c r="AC100" s="25"/>
      <c r="AD100" s="25"/>
      <c r="AE100" s="25"/>
      <c r="AF100" s="25"/>
      <c r="AG100" s="25"/>
      <c r="AH100" s="25"/>
      <c r="AI100" s="25"/>
      <c r="AJ100" s="25"/>
      <c r="AK100" s="25"/>
      <c r="AL100" s="25"/>
      <c r="AM100" s="25"/>
      <c r="AN100" s="25"/>
      <c r="AO100" s="25"/>
      <c r="AP100" s="25"/>
      <c r="AQ100" s="25"/>
      <c r="AR100" s="25"/>
      <c r="AS100" s="25"/>
      <c r="AT100" s="25"/>
      <c r="AU100" s="25"/>
      <c r="AV100" s="25"/>
      <c r="AW100" s="25"/>
      <c r="AX100" s="25"/>
      <c r="AY100" s="25"/>
      <c r="AZ100" s="25"/>
      <c r="BA100" s="25"/>
      <c r="BB100" s="25"/>
      <c r="BC100" s="25"/>
      <c r="BD100" s="25"/>
      <c r="BE100" s="25"/>
      <c r="BF100" s="25"/>
      <c r="BG100" s="25"/>
      <c r="BH100" s="25"/>
      <c r="BI100" s="25"/>
      <c r="BJ100" s="25"/>
      <c r="BK100" s="25"/>
      <c r="BL100" s="25"/>
      <c r="BM100" s="25"/>
      <c r="BN100" s="25"/>
      <c r="BO100" s="25"/>
    </row>
    <row r="101" spans="1:67" x14ac:dyDescent="0.15">
      <c r="A101" s="25"/>
      <c r="B101" s="25"/>
      <c r="C101" s="25"/>
      <c r="D101" s="25"/>
      <c r="E101" s="25"/>
      <c r="F101" s="25"/>
      <c r="G101" s="25"/>
      <c r="H101" s="25"/>
      <c r="I101" s="25"/>
      <c r="J101" s="25"/>
      <c r="K101" s="25"/>
      <c r="L101" s="25"/>
      <c r="M101" s="25"/>
      <c r="N101" s="25"/>
      <c r="O101" s="25"/>
      <c r="P101" s="25"/>
      <c r="Q101" s="25"/>
      <c r="R101" s="25"/>
      <c r="S101" s="25"/>
      <c r="T101" s="25"/>
      <c r="U101" s="25"/>
      <c r="V101" s="25"/>
      <c r="W101" s="25"/>
      <c r="X101" s="25"/>
      <c r="Y101" s="25"/>
      <c r="Z101" s="25"/>
      <c r="AA101" s="25"/>
      <c r="AB101" s="25"/>
      <c r="AC101" s="25"/>
      <c r="AD101" s="25"/>
      <c r="AE101" s="25"/>
      <c r="AF101" s="25"/>
      <c r="AG101" s="25"/>
      <c r="AH101" s="25"/>
      <c r="AI101" s="25"/>
      <c r="AJ101" s="25"/>
      <c r="AK101" s="25"/>
      <c r="AL101" s="25"/>
      <c r="AM101" s="25"/>
      <c r="AN101" s="25"/>
      <c r="AO101" s="25"/>
      <c r="AP101" s="25"/>
      <c r="AQ101" s="25"/>
      <c r="AR101" s="25"/>
      <c r="AS101" s="25"/>
      <c r="AT101" s="25"/>
      <c r="AU101" s="25"/>
      <c r="AV101" s="25"/>
      <c r="AW101" s="25"/>
      <c r="AX101" s="25"/>
      <c r="AY101" s="25"/>
      <c r="AZ101" s="25"/>
      <c r="BA101" s="25"/>
      <c r="BB101" s="25"/>
      <c r="BC101" s="25"/>
      <c r="BD101" s="25"/>
      <c r="BE101" s="25"/>
      <c r="BF101" s="25"/>
      <c r="BG101" s="25"/>
      <c r="BH101" s="25"/>
      <c r="BI101" s="25"/>
      <c r="BJ101" s="25"/>
      <c r="BK101" s="25"/>
      <c r="BL101" s="25"/>
      <c r="BM101" s="25"/>
      <c r="BN101" s="25"/>
      <c r="BO101" s="25"/>
    </row>
    <row r="102" spans="1:67" x14ac:dyDescent="0.15">
      <c r="A102" s="25"/>
      <c r="B102" s="25"/>
      <c r="C102" s="25"/>
      <c r="D102" s="25"/>
      <c r="E102" s="25"/>
      <c r="F102" s="25"/>
      <c r="G102" s="25"/>
      <c r="H102" s="25"/>
      <c r="I102" s="25"/>
      <c r="J102" s="25"/>
      <c r="K102" s="25"/>
      <c r="L102" s="25"/>
      <c r="M102" s="25"/>
      <c r="N102" s="25"/>
      <c r="O102" s="25"/>
      <c r="P102" s="25"/>
      <c r="Q102" s="25"/>
      <c r="R102" s="25"/>
      <c r="S102" s="25"/>
      <c r="T102" s="25"/>
      <c r="U102" s="25"/>
      <c r="V102" s="25"/>
      <c r="W102" s="25"/>
      <c r="X102" s="25"/>
      <c r="Y102" s="25"/>
      <c r="Z102" s="25"/>
      <c r="AA102" s="25"/>
      <c r="AB102" s="25"/>
      <c r="AC102" s="25"/>
      <c r="AD102" s="25"/>
      <c r="AE102" s="25"/>
      <c r="AF102" s="25"/>
      <c r="AG102" s="25"/>
      <c r="AH102" s="25"/>
      <c r="AI102" s="25"/>
      <c r="AJ102" s="25"/>
      <c r="AK102" s="25"/>
      <c r="AL102" s="25"/>
      <c r="AM102" s="25"/>
      <c r="AN102" s="25"/>
      <c r="AO102" s="25"/>
      <c r="AP102" s="25"/>
      <c r="AQ102" s="25"/>
      <c r="AR102" s="25"/>
      <c r="AS102" s="25"/>
      <c r="AT102" s="25"/>
      <c r="AU102" s="25"/>
      <c r="AV102" s="25"/>
      <c r="AW102" s="25"/>
      <c r="AX102" s="25"/>
      <c r="AY102" s="25"/>
      <c r="AZ102" s="25"/>
      <c r="BA102" s="25"/>
      <c r="BB102" s="25"/>
      <c r="BC102" s="25"/>
      <c r="BD102" s="25"/>
      <c r="BE102" s="25"/>
      <c r="BF102" s="25"/>
      <c r="BG102" s="25"/>
      <c r="BH102" s="25"/>
      <c r="BI102" s="25"/>
      <c r="BJ102" s="25"/>
      <c r="BK102" s="25"/>
      <c r="BL102" s="25"/>
      <c r="BM102" s="25"/>
      <c r="BN102" s="25"/>
      <c r="BO102" s="25"/>
    </row>
    <row r="103" spans="1:67" x14ac:dyDescent="0.15">
      <c r="A103" s="25"/>
      <c r="B103" s="25"/>
      <c r="C103" s="25"/>
      <c r="D103" s="25"/>
      <c r="E103" s="25"/>
      <c r="F103" s="25"/>
      <c r="G103" s="25"/>
      <c r="H103" s="25"/>
      <c r="I103" s="25"/>
      <c r="J103" s="25"/>
      <c r="K103" s="25"/>
      <c r="L103" s="25"/>
      <c r="M103" s="25"/>
      <c r="N103" s="25"/>
      <c r="O103" s="25"/>
      <c r="P103" s="25"/>
      <c r="Q103" s="25"/>
      <c r="R103" s="25"/>
      <c r="S103" s="25"/>
      <c r="T103" s="25"/>
      <c r="U103" s="25"/>
      <c r="V103" s="25"/>
      <c r="W103" s="25"/>
      <c r="X103" s="25"/>
      <c r="Y103" s="25"/>
      <c r="Z103" s="25"/>
      <c r="AA103" s="25"/>
      <c r="AB103" s="25"/>
      <c r="AC103" s="25"/>
      <c r="AD103" s="25"/>
      <c r="AE103" s="25"/>
      <c r="AF103" s="25"/>
      <c r="AG103" s="25"/>
      <c r="AH103" s="25"/>
      <c r="AI103" s="25"/>
      <c r="AJ103" s="25"/>
      <c r="AK103" s="25"/>
      <c r="AL103" s="25"/>
      <c r="AM103" s="25"/>
      <c r="AN103" s="25"/>
      <c r="AO103" s="25"/>
      <c r="AP103" s="25"/>
      <c r="AQ103" s="25"/>
      <c r="AR103" s="25"/>
      <c r="AS103" s="25"/>
      <c r="AT103" s="25"/>
      <c r="AU103" s="25"/>
      <c r="AV103" s="25"/>
      <c r="AW103" s="25"/>
      <c r="AX103" s="25"/>
      <c r="AY103" s="25"/>
      <c r="AZ103" s="25"/>
      <c r="BA103" s="25"/>
      <c r="BB103" s="25"/>
      <c r="BC103" s="25"/>
      <c r="BD103" s="25"/>
      <c r="BE103" s="25"/>
      <c r="BF103" s="25"/>
      <c r="BG103" s="25"/>
      <c r="BH103" s="25"/>
      <c r="BI103" s="25"/>
      <c r="BJ103" s="25"/>
      <c r="BK103" s="25"/>
      <c r="BL103" s="25"/>
      <c r="BM103" s="25"/>
      <c r="BN103" s="25"/>
      <c r="BO103" s="25"/>
    </row>
    <row r="104" spans="1:67" x14ac:dyDescent="0.15">
      <c r="A104" s="25"/>
      <c r="B104" s="25"/>
      <c r="C104" s="25"/>
      <c r="D104" s="25"/>
      <c r="E104" s="25"/>
      <c r="F104" s="25"/>
      <c r="G104" s="25"/>
      <c r="H104" s="25"/>
      <c r="I104" s="25"/>
      <c r="J104" s="25"/>
      <c r="K104" s="25"/>
      <c r="L104" s="25"/>
      <c r="M104" s="25"/>
      <c r="N104" s="25"/>
      <c r="O104" s="25"/>
      <c r="P104" s="25"/>
      <c r="Q104" s="25"/>
      <c r="R104" s="25"/>
      <c r="S104" s="25"/>
      <c r="T104" s="25"/>
      <c r="U104" s="25"/>
      <c r="V104" s="25"/>
      <c r="W104" s="25"/>
      <c r="X104" s="25"/>
      <c r="Y104" s="25"/>
      <c r="Z104" s="25"/>
      <c r="AA104" s="25"/>
      <c r="AB104" s="25"/>
      <c r="AC104" s="25"/>
      <c r="AD104" s="25"/>
      <c r="AE104" s="25"/>
      <c r="AF104" s="25"/>
      <c r="AG104" s="25"/>
      <c r="AH104" s="25"/>
      <c r="AI104" s="25"/>
      <c r="AJ104" s="25"/>
      <c r="AK104" s="25"/>
      <c r="AL104" s="25"/>
      <c r="AM104" s="25"/>
      <c r="AN104" s="25"/>
      <c r="AO104" s="25"/>
      <c r="AP104" s="25"/>
      <c r="AQ104" s="25"/>
      <c r="AR104" s="25"/>
      <c r="AS104" s="25"/>
      <c r="AT104" s="25"/>
      <c r="AU104" s="25"/>
      <c r="AV104" s="25"/>
      <c r="AW104" s="25"/>
      <c r="AX104" s="25"/>
      <c r="AY104" s="25"/>
      <c r="AZ104" s="25"/>
      <c r="BA104" s="25"/>
      <c r="BB104" s="25"/>
      <c r="BC104" s="25"/>
      <c r="BD104" s="25"/>
      <c r="BE104" s="25"/>
      <c r="BF104" s="25"/>
      <c r="BG104" s="25"/>
      <c r="BH104" s="25"/>
      <c r="BI104" s="25"/>
      <c r="BJ104" s="25"/>
      <c r="BK104" s="25"/>
      <c r="BL104" s="25"/>
      <c r="BM104" s="25"/>
      <c r="BN104" s="25"/>
      <c r="BO104" s="25"/>
    </row>
    <row r="105" spans="1:67" x14ac:dyDescent="0.15">
      <c r="A105" s="25"/>
      <c r="B105" s="25"/>
      <c r="C105" s="25"/>
      <c r="D105" s="25"/>
      <c r="E105" s="25"/>
      <c r="F105" s="25"/>
      <c r="G105" s="25"/>
      <c r="H105" s="25"/>
      <c r="I105" s="25"/>
      <c r="J105" s="25"/>
      <c r="K105" s="25"/>
      <c r="L105" s="25"/>
      <c r="M105" s="25"/>
      <c r="N105" s="25"/>
      <c r="O105" s="25"/>
      <c r="P105" s="25"/>
      <c r="Q105" s="25"/>
      <c r="R105" s="25"/>
      <c r="S105" s="25"/>
      <c r="T105" s="25"/>
      <c r="U105" s="25"/>
      <c r="V105" s="25"/>
      <c r="W105" s="25"/>
      <c r="X105" s="25"/>
      <c r="Y105" s="25"/>
      <c r="Z105" s="25"/>
      <c r="AA105" s="25"/>
      <c r="AB105" s="25"/>
      <c r="AC105" s="25"/>
      <c r="AD105" s="25"/>
      <c r="AE105" s="25"/>
      <c r="AF105" s="25"/>
      <c r="AG105" s="25"/>
      <c r="AH105" s="25"/>
      <c r="AI105" s="25"/>
      <c r="AJ105" s="25"/>
      <c r="AK105" s="25"/>
      <c r="AL105" s="25"/>
      <c r="AM105" s="25"/>
      <c r="AN105" s="25"/>
      <c r="AO105" s="25"/>
      <c r="AP105" s="25"/>
      <c r="AQ105" s="25"/>
      <c r="AR105" s="25"/>
      <c r="AS105" s="25"/>
      <c r="AT105" s="25"/>
      <c r="AU105" s="25"/>
      <c r="AV105" s="25"/>
      <c r="AW105" s="25"/>
      <c r="AX105" s="25"/>
      <c r="AY105" s="25"/>
      <c r="AZ105" s="25"/>
      <c r="BA105" s="25"/>
      <c r="BB105" s="25"/>
      <c r="BC105" s="25"/>
      <c r="BD105" s="25"/>
      <c r="BE105" s="25"/>
      <c r="BF105" s="25"/>
      <c r="BG105" s="25"/>
      <c r="BH105" s="25"/>
      <c r="BI105" s="25"/>
      <c r="BJ105" s="25"/>
      <c r="BK105" s="25"/>
      <c r="BL105" s="25"/>
      <c r="BM105" s="25"/>
      <c r="BN105" s="25"/>
      <c r="BO105" s="25"/>
    </row>
    <row r="106" spans="1:67" x14ac:dyDescent="0.15">
      <c r="A106" s="25"/>
      <c r="B106" s="25"/>
      <c r="C106" s="25"/>
      <c r="D106" s="25"/>
      <c r="E106" s="25"/>
      <c r="F106" s="25"/>
      <c r="G106" s="25"/>
      <c r="H106" s="25"/>
      <c r="I106" s="25"/>
      <c r="J106" s="25"/>
      <c r="K106" s="25"/>
      <c r="L106" s="25"/>
      <c r="M106" s="25"/>
      <c r="N106" s="25"/>
      <c r="O106" s="25"/>
      <c r="P106" s="25"/>
      <c r="Q106" s="25"/>
      <c r="R106" s="25"/>
      <c r="S106" s="25"/>
      <c r="T106" s="25"/>
      <c r="U106" s="25"/>
      <c r="V106" s="25"/>
      <c r="W106" s="25"/>
      <c r="X106" s="25"/>
      <c r="Y106" s="25"/>
      <c r="Z106" s="25"/>
      <c r="AA106" s="25"/>
      <c r="AB106" s="25"/>
      <c r="AC106" s="25"/>
      <c r="AD106" s="25"/>
      <c r="AE106" s="25"/>
      <c r="AF106" s="25"/>
      <c r="AG106" s="25"/>
      <c r="AH106" s="25"/>
      <c r="AI106" s="25"/>
      <c r="AJ106" s="25"/>
      <c r="AK106" s="25"/>
      <c r="AL106" s="25"/>
      <c r="AM106" s="25"/>
      <c r="AN106" s="25"/>
      <c r="AO106" s="25"/>
      <c r="AP106" s="25"/>
      <c r="AQ106" s="25"/>
      <c r="AR106" s="25"/>
      <c r="AS106" s="25"/>
      <c r="AT106" s="25"/>
      <c r="AU106" s="25"/>
      <c r="AV106" s="25"/>
      <c r="AW106" s="25"/>
      <c r="AX106" s="25"/>
      <c r="AY106" s="25"/>
      <c r="AZ106" s="25"/>
      <c r="BA106" s="25"/>
      <c r="BB106" s="25"/>
      <c r="BC106" s="25"/>
      <c r="BD106" s="25"/>
      <c r="BE106" s="25"/>
      <c r="BF106" s="25"/>
      <c r="BG106" s="25"/>
      <c r="BH106" s="25"/>
      <c r="BI106" s="25"/>
      <c r="BJ106" s="25"/>
      <c r="BK106" s="25"/>
      <c r="BL106" s="25"/>
      <c r="BM106" s="25"/>
      <c r="BN106" s="25"/>
      <c r="BO106" s="25"/>
    </row>
    <row r="107" spans="1:67" x14ac:dyDescent="0.15">
      <c r="A107" s="25"/>
      <c r="B107" s="25"/>
      <c r="C107" s="25"/>
      <c r="D107" s="25"/>
      <c r="E107" s="25"/>
      <c r="F107" s="25"/>
      <c r="G107" s="25"/>
      <c r="H107" s="25"/>
      <c r="I107" s="25"/>
      <c r="J107" s="25"/>
      <c r="K107" s="25"/>
      <c r="L107" s="25"/>
      <c r="M107" s="25"/>
      <c r="N107" s="25"/>
      <c r="O107" s="25"/>
      <c r="P107" s="25"/>
      <c r="Q107" s="25"/>
      <c r="R107" s="25"/>
      <c r="S107" s="25"/>
      <c r="T107" s="25"/>
      <c r="U107" s="25"/>
      <c r="V107" s="25"/>
      <c r="W107" s="25"/>
      <c r="X107" s="25"/>
      <c r="Y107" s="25"/>
      <c r="Z107" s="25"/>
      <c r="AA107" s="25"/>
      <c r="AB107" s="25"/>
      <c r="AC107" s="25"/>
      <c r="AD107" s="25"/>
      <c r="AE107" s="25"/>
      <c r="AF107" s="25"/>
      <c r="AG107" s="25"/>
      <c r="AH107" s="25"/>
      <c r="AI107" s="25"/>
      <c r="AJ107" s="25"/>
      <c r="AK107" s="25"/>
      <c r="AL107" s="25"/>
      <c r="AM107" s="25"/>
      <c r="AN107" s="25"/>
      <c r="AO107" s="25"/>
      <c r="AP107" s="25"/>
      <c r="AQ107" s="25"/>
      <c r="AR107" s="25"/>
      <c r="AS107" s="25"/>
      <c r="AT107" s="25"/>
      <c r="AU107" s="25"/>
      <c r="AV107" s="25"/>
      <c r="AW107" s="25"/>
      <c r="AX107" s="25"/>
      <c r="AY107" s="25"/>
      <c r="AZ107" s="25"/>
      <c r="BA107" s="25"/>
      <c r="BB107" s="25"/>
      <c r="BC107" s="25"/>
      <c r="BD107" s="25"/>
      <c r="BE107" s="25"/>
      <c r="BF107" s="25"/>
      <c r="BG107" s="25"/>
      <c r="BH107" s="25"/>
      <c r="BI107" s="25"/>
      <c r="BJ107" s="25"/>
      <c r="BK107" s="25"/>
      <c r="BL107" s="25"/>
      <c r="BM107" s="25"/>
      <c r="BN107" s="25"/>
      <c r="BO107" s="25"/>
    </row>
    <row r="108" spans="1:67" x14ac:dyDescent="0.15">
      <c r="A108" s="25"/>
      <c r="B108" s="25"/>
      <c r="C108" s="25"/>
      <c r="D108" s="25"/>
      <c r="E108" s="25"/>
      <c r="F108" s="25"/>
      <c r="G108" s="25"/>
      <c r="H108" s="25"/>
      <c r="I108" s="25"/>
      <c r="J108" s="25"/>
      <c r="K108" s="25"/>
      <c r="L108" s="25"/>
      <c r="M108" s="25"/>
      <c r="N108" s="25"/>
      <c r="O108" s="25"/>
      <c r="P108" s="25"/>
      <c r="Q108" s="25"/>
      <c r="R108" s="25"/>
      <c r="S108" s="25"/>
      <c r="T108" s="25"/>
      <c r="U108" s="25"/>
      <c r="V108" s="25"/>
      <c r="W108" s="25"/>
      <c r="X108" s="25"/>
      <c r="Y108" s="25"/>
      <c r="Z108" s="25"/>
      <c r="AA108" s="25"/>
      <c r="AB108" s="25"/>
      <c r="AC108" s="25"/>
      <c r="AD108" s="25"/>
      <c r="AE108" s="25"/>
      <c r="AF108" s="25"/>
      <c r="AG108" s="25"/>
      <c r="AH108" s="25"/>
      <c r="AI108" s="25"/>
      <c r="AJ108" s="25"/>
      <c r="AK108" s="25"/>
      <c r="AL108" s="25"/>
      <c r="AM108" s="25"/>
      <c r="AN108" s="25"/>
      <c r="AO108" s="25"/>
      <c r="AP108" s="25"/>
      <c r="AQ108" s="25"/>
      <c r="AR108" s="25"/>
      <c r="AS108" s="25"/>
      <c r="AT108" s="25"/>
      <c r="AU108" s="25"/>
      <c r="AV108" s="25"/>
      <c r="AW108" s="25"/>
      <c r="AX108" s="25"/>
      <c r="AY108" s="25"/>
      <c r="AZ108" s="25"/>
      <c r="BA108" s="25"/>
      <c r="BB108" s="25"/>
      <c r="BC108" s="25"/>
      <c r="BD108" s="25"/>
      <c r="BE108" s="25"/>
      <c r="BF108" s="25"/>
      <c r="BG108" s="25"/>
      <c r="BH108" s="25"/>
      <c r="BI108" s="25"/>
      <c r="BJ108" s="25"/>
      <c r="BK108" s="25"/>
      <c r="BL108" s="25"/>
      <c r="BM108" s="25"/>
      <c r="BN108" s="25"/>
      <c r="BO108" s="25"/>
    </row>
    <row r="109" spans="1:67" x14ac:dyDescent="0.15">
      <c r="A109" s="25"/>
      <c r="B109" s="25"/>
      <c r="C109" s="25"/>
      <c r="D109" s="25"/>
      <c r="E109" s="25"/>
      <c r="F109" s="25"/>
      <c r="G109" s="25"/>
      <c r="H109" s="25"/>
      <c r="I109" s="25"/>
      <c r="J109" s="25"/>
      <c r="K109" s="25"/>
      <c r="L109" s="25"/>
      <c r="M109" s="25"/>
      <c r="N109" s="25"/>
      <c r="O109" s="25"/>
      <c r="P109" s="25"/>
      <c r="Q109" s="25"/>
      <c r="R109" s="25"/>
      <c r="S109" s="25"/>
      <c r="T109" s="25"/>
      <c r="U109" s="25"/>
      <c r="V109" s="25"/>
      <c r="W109" s="25"/>
      <c r="X109" s="25"/>
      <c r="Y109" s="25"/>
      <c r="Z109" s="25"/>
      <c r="AA109" s="25"/>
      <c r="AB109" s="25"/>
      <c r="AC109" s="25"/>
      <c r="AD109" s="25"/>
      <c r="AE109" s="25"/>
      <c r="AF109" s="25"/>
      <c r="AG109" s="25"/>
      <c r="AH109" s="25"/>
      <c r="AI109" s="25"/>
      <c r="AJ109" s="25"/>
      <c r="AK109" s="25"/>
      <c r="AL109" s="25"/>
      <c r="AM109" s="25"/>
      <c r="AN109" s="25"/>
      <c r="AO109" s="25"/>
      <c r="AP109" s="25"/>
      <c r="AQ109" s="25"/>
      <c r="AR109" s="25"/>
      <c r="AS109" s="25"/>
      <c r="AT109" s="25"/>
      <c r="AU109" s="25"/>
      <c r="AV109" s="25"/>
      <c r="AW109" s="25"/>
      <c r="AX109" s="25"/>
      <c r="AY109" s="25"/>
      <c r="AZ109" s="25"/>
      <c r="BA109" s="25"/>
      <c r="BB109" s="25"/>
      <c r="BC109" s="25"/>
      <c r="BD109" s="25"/>
      <c r="BE109" s="25"/>
      <c r="BF109" s="25"/>
      <c r="BG109" s="25"/>
      <c r="BH109" s="25"/>
      <c r="BI109" s="25"/>
      <c r="BJ109" s="25"/>
      <c r="BK109" s="25"/>
      <c r="BL109" s="25"/>
      <c r="BM109" s="25"/>
      <c r="BN109" s="25"/>
      <c r="BO109" s="25"/>
    </row>
    <row r="110" spans="1:67" x14ac:dyDescent="0.15">
      <c r="A110" s="25"/>
      <c r="B110" s="25"/>
      <c r="C110" s="25"/>
      <c r="D110" s="25"/>
      <c r="E110" s="25"/>
      <c r="F110" s="25"/>
      <c r="G110" s="25"/>
      <c r="H110" s="25"/>
      <c r="I110" s="25"/>
      <c r="J110" s="25"/>
      <c r="K110" s="25"/>
      <c r="L110" s="25"/>
      <c r="M110" s="25"/>
      <c r="N110" s="25"/>
      <c r="O110" s="25"/>
      <c r="P110" s="25"/>
      <c r="Q110" s="25"/>
      <c r="R110" s="25"/>
      <c r="S110" s="25"/>
      <c r="T110" s="25"/>
      <c r="U110" s="25"/>
      <c r="V110" s="25"/>
      <c r="W110" s="25"/>
      <c r="X110" s="25"/>
      <c r="Y110" s="25"/>
      <c r="Z110" s="25"/>
      <c r="AA110" s="25"/>
      <c r="AB110" s="25"/>
      <c r="AC110" s="25"/>
      <c r="AD110" s="25"/>
      <c r="AE110" s="25"/>
      <c r="AF110" s="25"/>
      <c r="AG110" s="25"/>
      <c r="AH110" s="25"/>
      <c r="AI110" s="25"/>
      <c r="AJ110" s="25"/>
      <c r="AK110" s="25"/>
      <c r="AL110" s="25"/>
      <c r="AM110" s="25"/>
      <c r="AN110" s="25"/>
      <c r="AO110" s="25"/>
      <c r="AP110" s="25"/>
      <c r="AQ110" s="25"/>
      <c r="AR110" s="25"/>
      <c r="AS110" s="25"/>
      <c r="AT110" s="25"/>
      <c r="AU110" s="25"/>
      <c r="AV110" s="25"/>
      <c r="AW110" s="25"/>
      <c r="AX110" s="25"/>
      <c r="AY110" s="25"/>
      <c r="AZ110" s="25"/>
      <c r="BA110" s="25"/>
      <c r="BB110" s="25"/>
      <c r="BC110" s="25"/>
      <c r="BD110" s="25"/>
      <c r="BE110" s="25"/>
      <c r="BF110" s="25"/>
      <c r="BG110" s="25"/>
      <c r="BH110" s="25"/>
      <c r="BI110" s="25"/>
      <c r="BJ110" s="25"/>
      <c r="BK110" s="25"/>
      <c r="BL110" s="25"/>
      <c r="BM110" s="25"/>
      <c r="BN110" s="25"/>
      <c r="BO110" s="25"/>
    </row>
    <row r="111" spans="1:67" x14ac:dyDescent="0.15">
      <c r="A111" s="25"/>
      <c r="B111" s="25"/>
      <c r="C111" s="25"/>
      <c r="D111" s="25"/>
      <c r="E111" s="25"/>
      <c r="F111" s="25"/>
      <c r="G111" s="25"/>
      <c r="H111" s="25"/>
      <c r="I111" s="25"/>
      <c r="J111" s="25"/>
      <c r="K111" s="25"/>
      <c r="L111" s="25"/>
      <c r="M111" s="25"/>
      <c r="N111" s="25"/>
      <c r="O111" s="25"/>
      <c r="P111" s="25"/>
      <c r="Q111" s="25"/>
      <c r="R111" s="25"/>
      <c r="S111" s="25"/>
      <c r="T111" s="25"/>
      <c r="U111" s="25"/>
      <c r="V111" s="25"/>
      <c r="W111" s="25"/>
      <c r="X111" s="25"/>
      <c r="Y111" s="25"/>
      <c r="Z111" s="25"/>
      <c r="AA111" s="25"/>
      <c r="AB111" s="25"/>
      <c r="AC111" s="25"/>
      <c r="AD111" s="25"/>
      <c r="AE111" s="25"/>
      <c r="AF111" s="25"/>
      <c r="AG111" s="25"/>
      <c r="AH111" s="25"/>
      <c r="AI111" s="25"/>
      <c r="AJ111" s="25"/>
      <c r="AK111" s="25"/>
      <c r="AL111" s="25"/>
      <c r="AM111" s="25"/>
      <c r="AN111" s="25"/>
      <c r="AO111" s="25"/>
      <c r="AP111" s="25"/>
      <c r="AQ111" s="25"/>
      <c r="AR111" s="25"/>
      <c r="AS111" s="25"/>
      <c r="AT111" s="25"/>
      <c r="AU111" s="25"/>
      <c r="AV111" s="25"/>
      <c r="AW111" s="25"/>
      <c r="AX111" s="25"/>
      <c r="AY111" s="25"/>
      <c r="AZ111" s="25"/>
      <c r="BA111" s="25"/>
      <c r="BB111" s="25"/>
      <c r="BC111" s="25"/>
      <c r="BD111" s="25"/>
      <c r="BE111" s="25"/>
      <c r="BF111" s="25"/>
      <c r="BG111" s="25"/>
      <c r="BH111" s="25"/>
      <c r="BI111" s="25"/>
      <c r="BJ111" s="25"/>
      <c r="BK111" s="25"/>
      <c r="BL111" s="25"/>
      <c r="BM111" s="25"/>
      <c r="BN111" s="25"/>
      <c r="BO111" s="25"/>
    </row>
    <row r="112" spans="1:67" x14ac:dyDescent="0.15">
      <c r="A112" s="25"/>
      <c r="B112" s="25"/>
      <c r="C112" s="25"/>
      <c r="D112" s="25"/>
      <c r="E112" s="25"/>
      <c r="F112" s="25"/>
      <c r="G112" s="25"/>
      <c r="H112" s="25"/>
      <c r="I112" s="25"/>
      <c r="J112" s="25"/>
      <c r="K112" s="25"/>
      <c r="L112" s="25"/>
      <c r="M112" s="25"/>
      <c r="N112" s="25"/>
      <c r="O112" s="25"/>
      <c r="P112" s="25"/>
      <c r="Q112" s="25"/>
      <c r="R112" s="25"/>
      <c r="S112" s="25"/>
      <c r="T112" s="25"/>
      <c r="U112" s="25"/>
      <c r="V112" s="25"/>
      <c r="W112" s="25"/>
      <c r="X112" s="25"/>
      <c r="Y112" s="25"/>
      <c r="Z112" s="25"/>
      <c r="AA112" s="25"/>
      <c r="AB112" s="25"/>
      <c r="AC112" s="25"/>
      <c r="AD112" s="25"/>
      <c r="AE112" s="25"/>
      <c r="AF112" s="25"/>
      <c r="AG112" s="25"/>
      <c r="AH112" s="25"/>
      <c r="AI112" s="25"/>
      <c r="AJ112" s="25"/>
      <c r="AK112" s="25"/>
      <c r="AL112" s="25"/>
      <c r="AM112" s="25"/>
      <c r="AN112" s="25"/>
      <c r="AO112" s="25"/>
      <c r="AP112" s="25"/>
      <c r="AQ112" s="25"/>
      <c r="AR112" s="25"/>
      <c r="AS112" s="25"/>
      <c r="AT112" s="25"/>
      <c r="AU112" s="25"/>
      <c r="AV112" s="25"/>
      <c r="AW112" s="25"/>
      <c r="AX112" s="25"/>
      <c r="AY112" s="25"/>
      <c r="AZ112" s="25"/>
      <c r="BA112" s="25"/>
      <c r="BB112" s="25"/>
      <c r="BC112" s="25"/>
      <c r="BD112" s="25"/>
      <c r="BE112" s="25"/>
      <c r="BF112" s="25"/>
      <c r="BG112" s="25"/>
      <c r="BH112" s="25"/>
      <c r="BI112" s="25"/>
      <c r="BJ112" s="25"/>
      <c r="BK112" s="25"/>
      <c r="BL112" s="25"/>
      <c r="BM112" s="25"/>
      <c r="BN112" s="25"/>
      <c r="BO112" s="25"/>
    </row>
    <row r="113" spans="1:67" x14ac:dyDescent="0.15">
      <c r="A113" s="25"/>
      <c r="B113" s="25"/>
      <c r="C113" s="25"/>
      <c r="D113" s="25"/>
      <c r="E113" s="25"/>
      <c r="F113" s="25"/>
      <c r="G113" s="25"/>
      <c r="H113" s="25"/>
      <c r="I113" s="25"/>
      <c r="J113" s="25"/>
      <c r="K113" s="25"/>
      <c r="L113" s="25"/>
      <c r="M113" s="25"/>
      <c r="N113" s="25"/>
      <c r="O113" s="25"/>
      <c r="P113" s="25"/>
      <c r="Q113" s="25"/>
      <c r="R113" s="25"/>
      <c r="S113" s="25"/>
      <c r="T113" s="25"/>
      <c r="U113" s="25"/>
      <c r="V113" s="25"/>
      <c r="W113" s="25"/>
      <c r="X113" s="25"/>
      <c r="Y113" s="25"/>
      <c r="Z113" s="25"/>
      <c r="AA113" s="25"/>
      <c r="AB113" s="25"/>
      <c r="AC113" s="25"/>
      <c r="AD113" s="25"/>
      <c r="AE113" s="25"/>
      <c r="AF113" s="25"/>
      <c r="AG113" s="25"/>
      <c r="AH113" s="25"/>
      <c r="AI113" s="25"/>
      <c r="AJ113" s="25"/>
      <c r="AK113" s="25"/>
      <c r="AL113" s="25"/>
      <c r="AM113" s="25"/>
      <c r="AN113" s="25"/>
      <c r="AO113" s="25"/>
      <c r="AP113" s="25"/>
      <c r="AQ113" s="25"/>
      <c r="AR113" s="25"/>
      <c r="AS113" s="25"/>
      <c r="AT113" s="25"/>
      <c r="AU113" s="25"/>
      <c r="AV113" s="25"/>
      <c r="AW113" s="25"/>
      <c r="AX113" s="25"/>
      <c r="AY113" s="25"/>
      <c r="AZ113" s="25"/>
      <c r="BA113" s="25"/>
      <c r="BB113" s="25"/>
      <c r="BC113" s="25"/>
      <c r="BD113" s="25"/>
      <c r="BE113" s="25"/>
      <c r="BF113" s="25"/>
      <c r="BG113" s="25"/>
      <c r="BH113" s="25"/>
      <c r="BI113" s="25"/>
      <c r="BJ113" s="25"/>
      <c r="BK113" s="25"/>
      <c r="BL113" s="25"/>
      <c r="BM113" s="25"/>
      <c r="BN113" s="25"/>
      <c r="BO113" s="25"/>
    </row>
    <row r="114" spans="1:67" x14ac:dyDescent="0.15">
      <c r="A114" s="25"/>
      <c r="B114" s="25"/>
      <c r="C114" s="25"/>
      <c r="D114" s="25"/>
      <c r="E114" s="25"/>
      <c r="F114" s="25"/>
      <c r="G114" s="25"/>
      <c r="H114" s="25"/>
      <c r="I114" s="25"/>
      <c r="J114" s="25"/>
      <c r="K114" s="25"/>
      <c r="L114" s="25"/>
      <c r="M114" s="25"/>
      <c r="N114" s="25"/>
      <c r="O114" s="25"/>
      <c r="P114" s="25"/>
      <c r="Q114" s="25"/>
      <c r="R114" s="25"/>
      <c r="S114" s="25"/>
      <c r="T114" s="25"/>
      <c r="U114" s="25"/>
      <c r="V114" s="25"/>
      <c r="W114" s="25"/>
      <c r="X114" s="25"/>
      <c r="Y114" s="25"/>
      <c r="Z114" s="25"/>
      <c r="AA114" s="25"/>
      <c r="AB114" s="25"/>
      <c r="AC114" s="25"/>
      <c r="AD114" s="25"/>
      <c r="AE114" s="25"/>
      <c r="AF114" s="25"/>
      <c r="AG114" s="25"/>
      <c r="AH114" s="25"/>
      <c r="AI114" s="25"/>
      <c r="AJ114" s="25"/>
      <c r="AK114" s="25"/>
      <c r="AL114" s="25"/>
      <c r="AM114" s="25"/>
      <c r="AN114" s="25"/>
      <c r="AO114" s="25"/>
      <c r="AP114" s="25"/>
      <c r="AQ114" s="25"/>
      <c r="AR114" s="25"/>
      <c r="AS114" s="25"/>
      <c r="AT114" s="25"/>
      <c r="AU114" s="25"/>
      <c r="AV114" s="25"/>
      <c r="AW114" s="25"/>
      <c r="AX114" s="25"/>
      <c r="AY114" s="25"/>
      <c r="AZ114" s="25"/>
      <c r="BA114" s="25"/>
      <c r="BB114" s="25"/>
      <c r="BC114" s="25"/>
      <c r="BD114" s="25"/>
      <c r="BE114" s="25"/>
      <c r="BF114" s="25"/>
      <c r="BG114" s="25"/>
      <c r="BH114" s="25"/>
      <c r="BI114" s="25"/>
      <c r="BJ114" s="25"/>
      <c r="BK114" s="25"/>
      <c r="BL114" s="25"/>
      <c r="BM114" s="25"/>
      <c r="BN114" s="25"/>
      <c r="BO114" s="25"/>
    </row>
    <row r="115" spans="1:67" x14ac:dyDescent="0.15">
      <c r="A115" s="25"/>
      <c r="B115" s="25"/>
      <c r="C115" s="25"/>
      <c r="D115" s="25"/>
      <c r="E115" s="25"/>
      <c r="F115" s="25"/>
      <c r="G115" s="25"/>
      <c r="H115" s="25"/>
      <c r="I115" s="25"/>
      <c r="J115" s="25"/>
      <c r="K115" s="25"/>
      <c r="L115" s="25"/>
      <c r="M115" s="25"/>
      <c r="N115" s="25"/>
      <c r="O115" s="25"/>
      <c r="P115" s="25"/>
      <c r="Q115" s="25"/>
      <c r="R115" s="25"/>
      <c r="S115" s="25"/>
      <c r="T115" s="25"/>
      <c r="U115" s="25"/>
      <c r="V115" s="25"/>
      <c r="W115" s="25"/>
      <c r="X115" s="25"/>
      <c r="Y115" s="25"/>
      <c r="Z115" s="25"/>
      <c r="AA115" s="25"/>
      <c r="AB115" s="25"/>
      <c r="AC115" s="25"/>
      <c r="AD115" s="25"/>
      <c r="AE115" s="25"/>
      <c r="AF115" s="25"/>
      <c r="AG115" s="25"/>
      <c r="AH115" s="25"/>
      <c r="AI115" s="25"/>
      <c r="AJ115" s="25"/>
      <c r="AK115" s="25"/>
      <c r="AL115" s="25"/>
      <c r="AM115" s="25"/>
      <c r="AN115" s="25"/>
      <c r="AO115" s="25"/>
      <c r="AP115" s="25"/>
      <c r="AQ115" s="25"/>
      <c r="AR115" s="25"/>
      <c r="AS115" s="25"/>
      <c r="AT115" s="25"/>
      <c r="AU115" s="25"/>
      <c r="AV115" s="25"/>
      <c r="AW115" s="25"/>
      <c r="AX115" s="25"/>
      <c r="AY115" s="25"/>
      <c r="AZ115" s="25"/>
      <c r="BA115" s="25"/>
      <c r="BB115" s="25"/>
      <c r="BC115" s="25"/>
      <c r="BD115" s="25"/>
      <c r="BE115" s="25"/>
      <c r="BF115" s="25"/>
      <c r="BG115" s="25"/>
      <c r="BH115" s="25"/>
      <c r="BI115" s="25"/>
      <c r="BJ115" s="25"/>
      <c r="BK115" s="25"/>
      <c r="BL115" s="25"/>
      <c r="BM115" s="25"/>
      <c r="BN115" s="25"/>
      <c r="BO115" s="25"/>
    </row>
    <row r="116" spans="1:67" x14ac:dyDescent="0.15">
      <c r="A116" s="25"/>
      <c r="B116" s="25"/>
      <c r="C116" s="25"/>
      <c r="D116" s="25"/>
      <c r="E116" s="25"/>
      <c r="F116" s="25"/>
      <c r="G116" s="25"/>
      <c r="H116" s="25"/>
      <c r="I116" s="25"/>
      <c r="J116" s="25"/>
      <c r="K116" s="25"/>
      <c r="L116" s="25"/>
      <c r="M116" s="25"/>
      <c r="N116" s="25"/>
      <c r="O116" s="25"/>
      <c r="P116" s="25"/>
      <c r="Q116" s="25"/>
      <c r="R116" s="25"/>
      <c r="S116" s="25"/>
      <c r="T116" s="25"/>
      <c r="U116" s="25"/>
      <c r="V116" s="25"/>
      <c r="W116" s="25"/>
      <c r="X116" s="25"/>
      <c r="Y116" s="25"/>
      <c r="Z116" s="25"/>
      <c r="AA116" s="25"/>
      <c r="AB116" s="25"/>
      <c r="AC116" s="25"/>
      <c r="AD116" s="25"/>
      <c r="AE116" s="25"/>
      <c r="AF116" s="25"/>
      <c r="AG116" s="25"/>
      <c r="AH116" s="25"/>
      <c r="AI116" s="25"/>
      <c r="AJ116" s="25"/>
      <c r="AK116" s="25"/>
      <c r="AL116" s="25"/>
      <c r="AM116" s="25"/>
      <c r="AN116" s="25"/>
      <c r="AO116" s="25"/>
      <c r="AP116" s="25"/>
      <c r="AQ116" s="25"/>
      <c r="AR116" s="25"/>
      <c r="AS116" s="25"/>
      <c r="AT116" s="25"/>
      <c r="AU116" s="25"/>
      <c r="AV116" s="25"/>
      <c r="AW116" s="25"/>
      <c r="AX116" s="25"/>
      <c r="AY116" s="25"/>
      <c r="AZ116" s="25"/>
      <c r="BA116" s="25"/>
      <c r="BB116" s="25"/>
      <c r="BC116" s="25"/>
      <c r="BD116" s="25"/>
      <c r="BE116" s="25"/>
      <c r="BF116" s="25"/>
      <c r="BG116" s="25"/>
      <c r="BH116" s="25"/>
      <c r="BI116" s="25"/>
      <c r="BJ116" s="25"/>
      <c r="BK116" s="25"/>
      <c r="BL116" s="25"/>
      <c r="BM116" s="25"/>
      <c r="BN116" s="25"/>
      <c r="BO116" s="25"/>
    </row>
    <row r="117" spans="1:67" x14ac:dyDescent="0.15">
      <c r="A117" s="25"/>
      <c r="B117" s="25"/>
      <c r="C117" s="25"/>
      <c r="D117" s="25"/>
      <c r="E117" s="25"/>
      <c r="F117" s="25"/>
      <c r="G117" s="25"/>
      <c r="H117" s="25"/>
      <c r="I117" s="25"/>
      <c r="J117" s="25"/>
      <c r="K117" s="25"/>
      <c r="L117" s="25"/>
      <c r="M117" s="25"/>
      <c r="N117" s="25"/>
      <c r="O117" s="25"/>
      <c r="P117" s="25"/>
      <c r="Q117" s="25"/>
      <c r="R117" s="25"/>
      <c r="S117" s="25"/>
      <c r="T117" s="25"/>
      <c r="U117" s="25"/>
      <c r="V117" s="25"/>
      <c r="W117" s="25"/>
      <c r="X117" s="25"/>
      <c r="Y117" s="25"/>
      <c r="Z117" s="25"/>
      <c r="AA117" s="25"/>
      <c r="AB117" s="25"/>
      <c r="AC117" s="25"/>
      <c r="AD117" s="25"/>
      <c r="AE117" s="25"/>
      <c r="AF117" s="25"/>
      <c r="AG117" s="25"/>
      <c r="AH117" s="25"/>
      <c r="AI117" s="25"/>
      <c r="AJ117" s="25"/>
      <c r="AK117" s="25"/>
      <c r="AL117" s="25"/>
      <c r="AM117" s="25"/>
      <c r="AN117" s="25"/>
      <c r="AO117" s="25"/>
      <c r="AP117" s="25"/>
      <c r="AQ117" s="25"/>
      <c r="AR117" s="25"/>
      <c r="AS117" s="25"/>
      <c r="AT117" s="25"/>
      <c r="AU117" s="25"/>
      <c r="AV117" s="25"/>
      <c r="AW117" s="25"/>
      <c r="AX117" s="25"/>
      <c r="AY117" s="25"/>
      <c r="AZ117" s="25"/>
      <c r="BA117" s="25"/>
      <c r="BB117" s="25"/>
      <c r="BC117" s="25"/>
      <c r="BD117" s="25"/>
      <c r="BE117" s="25"/>
      <c r="BF117" s="25"/>
      <c r="BG117" s="25"/>
      <c r="BH117" s="25"/>
      <c r="BI117" s="25"/>
      <c r="BJ117" s="25"/>
      <c r="BK117" s="25"/>
      <c r="BL117" s="25"/>
      <c r="BM117" s="25"/>
      <c r="BN117" s="25"/>
      <c r="BO117" s="25"/>
    </row>
    <row r="118" spans="1:67" x14ac:dyDescent="0.15">
      <c r="A118" s="25"/>
      <c r="B118" s="25"/>
      <c r="C118" s="25"/>
      <c r="D118" s="25"/>
      <c r="E118" s="25"/>
      <c r="F118" s="25"/>
      <c r="G118" s="25"/>
      <c r="H118" s="25"/>
      <c r="I118" s="25"/>
      <c r="J118" s="25"/>
      <c r="K118" s="25"/>
      <c r="L118" s="25"/>
      <c r="M118" s="25"/>
      <c r="N118" s="25"/>
      <c r="O118" s="25"/>
      <c r="P118" s="25"/>
      <c r="Q118" s="25"/>
      <c r="R118" s="25"/>
      <c r="S118" s="25"/>
      <c r="T118" s="25"/>
      <c r="U118" s="25"/>
      <c r="V118" s="25"/>
      <c r="W118" s="25"/>
      <c r="X118" s="25"/>
      <c r="Y118" s="25"/>
      <c r="Z118" s="25"/>
      <c r="AA118" s="25"/>
      <c r="AB118" s="25"/>
      <c r="AC118" s="25"/>
      <c r="AD118" s="25"/>
      <c r="AE118" s="25"/>
      <c r="AF118" s="25"/>
      <c r="AG118" s="25"/>
      <c r="AH118" s="25"/>
      <c r="AI118" s="25"/>
      <c r="AJ118" s="25"/>
      <c r="AK118" s="25"/>
      <c r="AL118" s="25"/>
      <c r="AM118" s="25"/>
      <c r="AN118" s="25"/>
      <c r="AO118" s="25"/>
      <c r="AP118" s="25"/>
      <c r="AQ118" s="25"/>
      <c r="AR118" s="25"/>
      <c r="AS118" s="25"/>
      <c r="AT118" s="25"/>
      <c r="AU118" s="25"/>
      <c r="AV118" s="25"/>
      <c r="AW118" s="25"/>
      <c r="AX118" s="25"/>
      <c r="AY118" s="25"/>
      <c r="AZ118" s="25"/>
      <c r="BA118" s="25"/>
      <c r="BB118" s="25"/>
      <c r="BC118" s="25"/>
      <c r="BD118" s="25"/>
      <c r="BE118" s="25"/>
      <c r="BF118" s="25"/>
      <c r="BG118" s="25"/>
      <c r="BH118" s="25"/>
      <c r="BI118" s="25"/>
      <c r="BJ118" s="25"/>
      <c r="BK118" s="25"/>
      <c r="BL118" s="25"/>
      <c r="BM118" s="25"/>
      <c r="BN118" s="25"/>
      <c r="BO118" s="25"/>
    </row>
    <row r="119" spans="1:67" x14ac:dyDescent="0.15">
      <c r="A119" s="25"/>
      <c r="B119" s="25"/>
      <c r="C119" s="25"/>
      <c r="D119" s="25"/>
      <c r="E119" s="25"/>
      <c r="F119" s="25"/>
      <c r="G119" s="25"/>
      <c r="H119" s="25"/>
      <c r="I119" s="25"/>
      <c r="J119" s="25"/>
      <c r="K119" s="25"/>
      <c r="L119" s="25"/>
      <c r="M119" s="25"/>
      <c r="N119" s="25"/>
      <c r="O119" s="25"/>
      <c r="P119" s="25"/>
      <c r="Q119" s="25"/>
      <c r="R119" s="25"/>
      <c r="S119" s="25"/>
      <c r="T119" s="25"/>
      <c r="U119" s="25"/>
      <c r="V119" s="25"/>
      <c r="W119" s="25"/>
      <c r="X119" s="25"/>
      <c r="Y119" s="25"/>
      <c r="Z119" s="25"/>
      <c r="AA119" s="25"/>
      <c r="AB119" s="25"/>
      <c r="AC119" s="25"/>
      <c r="AD119" s="25"/>
      <c r="AE119" s="25"/>
      <c r="AF119" s="25"/>
      <c r="AG119" s="25"/>
      <c r="AH119" s="25"/>
      <c r="AI119" s="25"/>
      <c r="AJ119" s="25"/>
      <c r="AK119" s="25"/>
      <c r="AL119" s="25"/>
      <c r="AM119" s="25"/>
      <c r="AN119" s="25"/>
      <c r="AO119" s="25"/>
      <c r="AP119" s="25"/>
      <c r="AQ119" s="25"/>
      <c r="AR119" s="25"/>
      <c r="AS119" s="25"/>
      <c r="AT119" s="25"/>
      <c r="AU119" s="25"/>
      <c r="AV119" s="25"/>
      <c r="AW119" s="25"/>
      <c r="AX119" s="25"/>
      <c r="AY119" s="25"/>
      <c r="AZ119" s="25"/>
      <c r="BA119" s="25"/>
      <c r="BB119" s="25"/>
      <c r="BC119" s="25"/>
      <c r="BD119" s="25"/>
      <c r="BE119" s="25"/>
      <c r="BF119" s="25"/>
      <c r="BG119" s="25"/>
      <c r="BH119" s="25"/>
      <c r="BI119" s="25"/>
      <c r="BJ119" s="25"/>
      <c r="BK119" s="25"/>
      <c r="BL119" s="25"/>
      <c r="BM119" s="25"/>
      <c r="BN119" s="25"/>
      <c r="BO119" s="25"/>
    </row>
    <row r="120" spans="1:67" x14ac:dyDescent="0.15">
      <c r="A120" s="25"/>
      <c r="B120" s="25"/>
      <c r="C120" s="25"/>
      <c r="D120" s="25"/>
      <c r="E120" s="25"/>
      <c r="F120" s="25"/>
      <c r="G120" s="25"/>
      <c r="H120" s="25"/>
      <c r="I120" s="25"/>
      <c r="J120" s="25"/>
      <c r="K120" s="25"/>
      <c r="L120" s="25"/>
      <c r="M120" s="25"/>
      <c r="N120" s="25"/>
      <c r="O120" s="25"/>
      <c r="P120" s="25"/>
      <c r="Q120" s="25"/>
      <c r="R120" s="25"/>
      <c r="S120" s="25"/>
      <c r="T120" s="25"/>
      <c r="U120" s="25"/>
      <c r="V120" s="25"/>
      <c r="W120" s="25"/>
      <c r="X120" s="25"/>
      <c r="Y120" s="25"/>
      <c r="Z120" s="25"/>
      <c r="AA120" s="25"/>
      <c r="AB120" s="25"/>
      <c r="AC120" s="25"/>
      <c r="AD120" s="25"/>
      <c r="AE120" s="25"/>
      <c r="AF120" s="25"/>
      <c r="AG120" s="25"/>
      <c r="AH120" s="25"/>
      <c r="AI120" s="25"/>
      <c r="AJ120" s="25"/>
      <c r="AK120" s="25"/>
      <c r="AL120" s="25"/>
      <c r="AM120" s="25"/>
      <c r="AN120" s="25"/>
      <c r="AO120" s="25"/>
      <c r="AP120" s="25"/>
      <c r="AQ120" s="25"/>
      <c r="AR120" s="25"/>
      <c r="AS120" s="25"/>
      <c r="AT120" s="25"/>
      <c r="AU120" s="25"/>
      <c r="AV120" s="25"/>
      <c r="AW120" s="25"/>
      <c r="AX120" s="25"/>
      <c r="AY120" s="25"/>
      <c r="AZ120" s="25"/>
      <c r="BA120" s="25"/>
      <c r="BB120" s="25"/>
      <c r="BC120" s="25"/>
      <c r="BD120" s="25"/>
      <c r="BE120" s="25"/>
      <c r="BF120" s="25"/>
      <c r="BG120" s="25"/>
      <c r="BH120" s="25"/>
      <c r="BI120" s="25"/>
      <c r="BJ120" s="25"/>
      <c r="BK120" s="25"/>
      <c r="BL120" s="25"/>
      <c r="BM120" s="25"/>
      <c r="BN120" s="25"/>
      <c r="BO120" s="25"/>
    </row>
    <row r="121" spans="1:67" x14ac:dyDescent="0.15">
      <c r="A121" s="25"/>
      <c r="B121" s="25"/>
      <c r="C121" s="25"/>
      <c r="D121" s="25"/>
      <c r="E121" s="25"/>
      <c r="F121" s="25"/>
      <c r="G121" s="25"/>
      <c r="H121" s="25"/>
      <c r="I121" s="25"/>
      <c r="J121" s="25"/>
      <c r="K121" s="25"/>
      <c r="L121" s="25"/>
      <c r="M121" s="25"/>
      <c r="N121" s="25"/>
      <c r="O121" s="25"/>
      <c r="P121" s="25"/>
      <c r="Q121" s="25"/>
      <c r="R121" s="25"/>
      <c r="S121" s="25"/>
      <c r="T121" s="25"/>
      <c r="U121" s="25"/>
      <c r="V121" s="25"/>
      <c r="W121" s="25"/>
      <c r="X121" s="25"/>
      <c r="Y121" s="25"/>
      <c r="Z121" s="25"/>
      <c r="AA121" s="25"/>
      <c r="AB121" s="25"/>
      <c r="AC121" s="25"/>
      <c r="AD121" s="25"/>
      <c r="AE121" s="25"/>
      <c r="AF121" s="25"/>
      <c r="AG121" s="25"/>
      <c r="AH121" s="25"/>
      <c r="AI121" s="25"/>
      <c r="AJ121" s="25"/>
      <c r="AK121" s="25"/>
      <c r="AL121" s="25"/>
      <c r="AM121" s="25"/>
      <c r="AN121" s="25"/>
      <c r="AO121" s="25"/>
      <c r="AP121" s="25"/>
      <c r="AQ121" s="25"/>
      <c r="AR121" s="25"/>
      <c r="AS121" s="25"/>
      <c r="AT121" s="25"/>
      <c r="AU121" s="25"/>
      <c r="AV121" s="25"/>
      <c r="AW121" s="25"/>
      <c r="AX121" s="25"/>
      <c r="AY121" s="25"/>
      <c r="AZ121" s="25"/>
      <c r="BA121" s="25"/>
      <c r="BB121" s="25"/>
      <c r="BC121" s="25"/>
      <c r="BD121" s="25"/>
      <c r="BE121" s="25"/>
      <c r="BF121" s="25"/>
      <c r="BG121" s="25"/>
      <c r="BH121" s="25"/>
      <c r="BI121" s="25"/>
      <c r="BJ121" s="25"/>
      <c r="BK121" s="25"/>
      <c r="BL121" s="25"/>
      <c r="BM121" s="25"/>
      <c r="BN121" s="25"/>
      <c r="BO121" s="25"/>
    </row>
    <row r="122" spans="1:67" x14ac:dyDescent="0.15">
      <c r="A122" s="25"/>
      <c r="B122" s="25"/>
      <c r="C122" s="25"/>
      <c r="D122" s="25"/>
      <c r="E122" s="25"/>
      <c r="F122" s="25"/>
      <c r="G122" s="25"/>
      <c r="H122" s="25"/>
      <c r="I122" s="25"/>
      <c r="J122" s="25"/>
      <c r="K122" s="25"/>
      <c r="L122" s="25"/>
      <c r="M122" s="25"/>
      <c r="N122" s="25"/>
      <c r="O122" s="25"/>
      <c r="P122" s="25"/>
      <c r="Q122" s="25"/>
      <c r="R122" s="25"/>
      <c r="S122" s="25"/>
      <c r="T122" s="25"/>
      <c r="U122" s="25"/>
      <c r="V122" s="25"/>
      <c r="W122" s="25"/>
      <c r="X122" s="25"/>
      <c r="Y122" s="25"/>
      <c r="Z122" s="25"/>
      <c r="AA122" s="25"/>
      <c r="AB122" s="25"/>
      <c r="AC122" s="25"/>
      <c r="AD122" s="25"/>
      <c r="AE122" s="25"/>
      <c r="AF122" s="25"/>
      <c r="AG122" s="25"/>
      <c r="AH122" s="25"/>
      <c r="AI122" s="25"/>
      <c r="AJ122" s="25"/>
      <c r="AK122" s="25"/>
      <c r="AL122" s="25"/>
      <c r="AM122" s="25"/>
      <c r="AN122" s="25"/>
      <c r="AO122" s="25"/>
      <c r="AP122" s="25"/>
      <c r="AQ122" s="25"/>
      <c r="AR122" s="25"/>
      <c r="AS122" s="25"/>
      <c r="AT122" s="25"/>
      <c r="AU122" s="25"/>
      <c r="AV122" s="25"/>
      <c r="AW122" s="25"/>
      <c r="AX122" s="25"/>
      <c r="AY122" s="25"/>
      <c r="AZ122" s="25"/>
      <c r="BA122" s="25"/>
      <c r="BB122" s="25"/>
      <c r="BC122" s="25"/>
      <c r="BD122" s="25"/>
      <c r="BE122" s="25"/>
      <c r="BF122" s="25"/>
      <c r="BG122" s="25"/>
      <c r="BH122" s="25"/>
      <c r="BI122" s="25"/>
      <c r="BJ122" s="25"/>
      <c r="BK122" s="25"/>
      <c r="BL122" s="25"/>
      <c r="BM122" s="25"/>
      <c r="BN122" s="25"/>
      <c r="BO122" s="25"/>
    </row>
    <row r="123" spans="1:67" x14ac:dyDescent="0.15">
      <c r="A123" s="25"/>
      <c r="B123" s="25"/>
      <c r="C123" s="25"/>
      <c r="D123" s="25"/>
      <c r="E123" s="25"/>
      <c r="F123" s="25"/>
      <c r="G123" s="25"/>
      <c r="H123" s="25"/>
      <c r="I123" s="25"/>
      <c r="J123" s="25"/>
      <c r="K123" s="25"/>
      <c r="L123" s="25"/>
      <c r="M123" s="25"/>
      <c r="N123" s="25"/>
      <c r="O123" s="25"/>
      <c r="P123" s="25"/>
      <c r="Q123" s="25"/>
      <c r="R123" s="25"/>
      <c r="S123" s="25"/>
      <c r="T123" s="25"/>
      <c r="U123" s="25"/>
      <c r="V123" s="25"/>
      <c r="W123" s="25"/>
      <c r="X123" s="25"/>
      <c r="Y123" s="25"/>
      <c r="Z123" s="25"/>
      <c r="AA123" s="25"/>
      <c r="AB123" s="25"/>
      <c r="AC123" s="25"/>
      <c r="AD123" s="25"/>
      <c r="AE123" s="25"/>
      <c r="AF123" s="25"/>
      <c r="AG123" s="25"/>
      <c r="AH123" s="25"/>
      <c r="AI123" s="25"/>
      <c r="AJ123" s="25"/>
      <c r="AK123" s="25"/>
      <c r="AL123" s="25"/>
      <c r="AM123" s="25"/>
      <c r="AN123" s="25"/>
      <c r="AO123" s="25"/>
      <c r="AP123" s="25"/>
      <c r="AQ123" s="25"/>
      <c r="AR123" s="25"/>
      <c r="AS123" s="25"/>
      <c r="AT123" s="25"/>
      <c r="AU123" s="25"/>
      <c r="AV123" s="25"/>
      <c r="AW123" s="25"/>
      <c r="AX123" s="25"/>
      <c r="AY123" s="25"/>
      <c r="AZ123" s="25"/>
      <c r="BA123" s="25"/>
      <c r="BB123" s="25"/>
      <c r="BC123" s="25"/>
      <c r="BD123" s="25"/>
      <c r="BE123" s="25"/>
      <c r="BF123" s="25"/>
      <c r="BG123" s="25"/>
      <c r="BH123" s="25"/>
      <c r="BI123" s="25"/>
      <c r="BJ123" s="25"/>
      <c r="BK123" s="25"/>
      <c r="BL123" s="25"/>
      <c r="BM123" s="25"/>
      <c r="BN123" s="25"/>
      <c r="BO123" s="25"/>
    </row>
    <row r="124" spans="1:67" x14ac:dyDescent="0.15">
      <c r="A124" s="25"/>
      <c r="B124" s="25"/>
      <c r="C124" s="25"/>
      <c r="D124" s="25"/>
      <c r="E124" s="25"/>
      <c r="F124" s="25"/>
      <c r="G124" s="25"/>
      <c r="H124" s="25"/>
      <c r="I124" s="25"/>
      <c r="J124" s="25"/>
      <c r="K124" s="25"/>
      <c r="L124" s="25"/>
      <c r="M124" s="25"/>
      <c r="N124" s="25"/>
      <c r="O124" s="25"/>
      <c r="P124" s="25"/>
      <c r="Q124" s="25"/>
      <c r="R124" s="25"/>
      <c r="S124" s="25"/>
      <c r="T124" s="25"/>
      <c r="U124" s="25"/>
      <c r="V124" s="25"/>
      <c r="W124" s="25"/>
      <c r="X124" s="25"/>
      <c r="Y124" s="25"/>
      <c r="Z124" s="25"/>
      <c r="AA124" s="25"/>
      <c r="AB124" s="25"/>
      <c r="AC124" s="25"/>
      <c r="AD124" s="25"/>
      <c r="AE124" s="25"/>
      <c r="AF124" s="25"/>
      <c r="AG124" s="25"/>
      <c r="AH124" s="25"/>
      <c r="AI124" s="25"/>
      <c r="AJ124" s="25"/>
      <c r="AK124" s="25"/>
      <c r="AL124" s="25"/>
      <c r="AM124" s="25"/>
      <c r="AN124" s="25"/>
      <c r="AO124" s="25"/>
      <c r="AP124" s="25"/>
      <c r="AQ124" s="25"/>
      <c r="AR124" s="25"/>
      <c r="AS124" s="25"/>
      <c r="AT124" s="25"/>
      <c r="AU124" s="25"/>
      <c r="AV124" s="25"/>
      <c r="AW124" s="25"/>
      <c r="AX124" s="25"/>
      <c r="AY124" s="25"/>
      <c r="AZ124" s="25"/>
      <c r="BA124" s="25"/>
      <c r="BB124" s="25"/>
      <c r="BC124" s="25"/>
      <c r="BD124" s="25"/>
      <c r="BE124" s="25"/>
      <c r="BF124" s="25"/>
      <c r="BG124" s="25"/>
      <c r="BH124" s="25"/>
      <c r="BI124" s="25"/>
      <c r="BJ124" s="25"/>
      <c r="BK124" s="25"/>
      <c r="BL124" s="25"/>
      <c r="BM124" s="25"/>
      <c r="BN124" s="25"/>
      <c r="BO124" s="25"/>
    </row>
    <row r="125" spans="1:67" x14ac:dyDescent="0.15">
      <c r="A125" s="25"/>
      <c r="B125" s="25"/>
      <c r="C125" s="25"/>
      <c r="D125" s="25"/>
      <c r="E125" s="25"/>
      <c r="F125" s="25"/>
      <c r="G125" s="25"/>
      <c r="H125" s="25"/>
      <c r="I125" s="25"/>
      <c r="J125" s="25"/>
      <c r="K125" s="25"/>
      <c r="L125" s="25"/>
      <c r="M125" s="25"/>
      <c r="N125" s="25"/>
      <c r="O125" s="25"/>
      <c r="P125" s="25"/>
      <c r="Q125" s="25"/>
      <c r="R125" s="25"/>
      <c r="S125" s="25"/>
      <c r="T125" s="25"/>
      <c r="U125" s="25"/>
      <c r="V125" s="25"/>
      <c r="W125" s="25"/>
      <c r="X125" s="25"/>
      <c r="Y125" s="25"/>
      <c r="Z125" s="25"/>
      <c r="AA125" s="25"/>
      <c r="AB125" s="25"/>
      <c r="AC125" s="25"/>
      <c r="AD125" s="25"/>
      <c r="AE125" s="25"/>
      <c r="AF125" s="25"/>
      <c r="AG125" s="25"/>
      <c r="AH125" s="25"/>
      <c r="AI125" s="25"/>
      <c r="AJ125" s="25"/>
      <c r="AK125" s="25"/>
      <c r="AL125" s="25"/>
      <c r="AM125" s="25"/>
      <c r="AN125" s="25"/>
      <c r="AO125" s="25"/>
      <c r="AP125" s="25"/>
      <c r="AQ125" s="25"/>
      <c r="AR125" s="25"/>
      <c r="AS125" s="25"/>
      <c r="AT125" s="25"/>
      <c r="AU125" s="25"/>
      <c r="AV125" s="25"/>
      <c r="AW125" s="25"/>
      <c r="AX125" s="25"/>
      <c r="AY125" s="25"/>
      <c r="AZ125" s="25"/>
      <c r="BA125" s="25"/>
      <c r="BB125" s="25"/>
      <c r="BC125" s="25"/>
      <c r="BD125" s="25"/>
      <c r="BE125" s="25"/>
      <c r="BF125" s="25"/>
      <c r="BG125" s="25"/>
      <c r="BH125" s="25"/>
      <c r="BI125" s="25"/>
      <c r="BJ125" s="25"/>
      <c r="BK125" s="25"/>
      <c r="BL125" s="25"/>
      <c r="BM125" s="25"/>
      <c r="BN125" s="25"/>
      <c r="BO125" s="25"/>
    </row>
    <row r="126" spans="1:67" x14ac:dyDescent="0.15">
      <c r="A126" s="25"/>
      <c r="B126" s="25"/>
      <c r="C126" s="25"/>
      <c r="D126" s="25"/>
      <c r="E126" s="25"/>
      <c r="F126" s="25"/>
      <c r="G126" s="25"/>
      <c r="H126" s="25"/>
      <c r="I126" s="25"/>
      <c r="J126" s="25"/>
      <c r="K126" s="25"/>
      <c r="L126" s="25"/>
      <c r="M126" s="25"/>
      <c r="N126" s="25"/>
      <c r="O126" s="25"/>
      <c r="P126" s="25"/>
      <c r="Q126" s="25"/>
      <c r="R126" s="25"/>
      <c r="S126" s="25"/>
      <c r="T126" s="25"/>
      <c r="U126" s="25"/>
      <c r="V126" s="25"/>
      <c r="W126" s="25"/>
      <c r="X126" s="25"/>
      <c r="Y126" s="25"/>
      <c r="Z126" s="25"/>
      <c r="AA126" s="25"/>
      <c r="AB126" s="25"/>
      <c r="AC126" s="25"/>
      <c r="AD126" s="25"/>
      <c r="AE126" s="25"/>
      <c r="AF126" s="25"/>
      <c r="AG126" s="25"/>
      <c r="AH126" s="25"/>
      <c r="AI126" s="25"/>
      <c r="AJ126" s="25"/>
      <c r="AK126" s="25"/>
      <c r="AL126" s="25"/>
      <c r="AM126" s="25"/>
      <c r="AN126" s="25"/>
      <c r="AO126" s="25"/>
      <c r="AP126" s="25"/>
      <c r="AQ126" s="25"/>
      <c r="AR126" s="25"/>
      <c r="AS126" s="25"/>
      <c r="AT126" s="25"/>
      <c r="AU126" s="25"/>
      <c r="AV126" s="25"/>
      <c r="AW126" s="25"/>
      <c r="AX126" s="25"/>
      <c r="AY126" s="25"/>
      <c r="AZ126" s="25"/>
      <c r="BA126" s="25"/>
      <c r="BB126" s="25"/>
      <c r="BC126" s="25"/>
      <c r="BD126" s="25"/>
      <c r="BE126" s="25"/>
      <c r="BF126" s="25"/>
      <c r="BG126" s="25"/>
      <c r="BH126" s="25"/>
      <c r="BI126" s="25"/>
      <c r="BJ126" s="25"/>
      <c r="BK126" s="25"/>
      <c r="BL126" s="25"/>
      <c r="BM126" s="25"/>
      <c r="BN126" s="25"/>
      <c r="BO126" s="25"/>
    </row>
    <row r="127" spans="1:67" x14ac:dyDescent="0.15">
      <c r="A127" s="25"/>
      <c r="B127" s="25"/>
      <c r="C127" s="25"/>
      <c r="D127" s="25"/>
      <c r="E127" s="25"/>
      <c r="F127" s="25"/>
      <c r="G127" s="25"/>
      <c r="H127" s="25"/>
      <c r="I127" s="25"/>
      <c r="J127" s="25"/>
      <c r="K127" s="25"/>
      <c r="L127" s="25"/>
      <c r="M127" s="25"/>
      <c r="N127" s="25"/>
      <c r="O127" s="25"/>
      <c r="P127" s="25"/>
      <c r="Q127" s="25"/>
      <c r="R127" s="25"/>
      <c r="S127" s="25"/>
      <c r="T127" s="25"/>
      <c r="U127" s="25"/>
      <c r="V127" s="25"/>
      <c r="W127" s="25"/>
      <c r="X127" s="25"/>
      <c r="Y127" s="25"/>
      <c r="Z127" s="25"/>
      <c r="AA127" s="25"/>
      <c r="AB127" s="25"/>
      <c r="AC127" s="25"/>
      <c r="AD127" s="25"/>
      <c r="AE127" s="25"/>
      <c r="AF127" s="25"/>
      <c r="AG127" s="25"/>
      <c r="AH127" s="25"/>
      <c r="AI127" s="25"/>
      <c r="AJ127" s="25"/>
      <c r="AK127" s="25"/>
      <c r="AL127" s="25"/>
      <c r="AM127" s="25"/>
      <c r="AN127" s="25"/>
      <c r="AO127" s="25"/>
      <c r="AP127" s="25"/>
      <c r="AQ127" s="25"/>
      <c r="AR127" s="25"/>
      <c r="AS127" s="25"/>
      <c r="AT127" s="25"/>
      <c r="AU127" s="25"/>
      <c r="AV127" s="25"/>
      <c r="AW127" s="25"/>
      <c r="AX127" s="25"/>
      <c r="AY127" s="25"/>
      <c r="AZ127" s="25"/>
      <c r="BA127" s="25"/>
      <c r="BB127" s="25"/>
      <c r="BC127" s="25"/>
      <c r="BD127" s="25"/>
      <c r="BE127" s="25"/>
      <c r="BF127" s="25"/>
      <c r="BG127" s="25"/>
      <c r="BH127" s="25"/>
      <c r="BI127" s="25"/>
      <c r="BJ127" s="25"/>
      <c r="BK127" s="25"/>
      <c r="BL127" s="25"/>
      <c r="BM127" s="25"/>
      <c r="BN127" s="25"/>
      <c r="BO127" s="25"/>
    </row>
    <row r="128" spans="1:67" x14ac:dyDescent="0.15">
      <c r="A128" s="25"/>
      <c r="B128" s="25"/>
      <c r="C128" s="25"/>
      <c r="D128" s="25"/>
      <c r="E128" s="25"/>
      <c r="F128" s="25"/>
      <c r="G128" s="25"/>
      <c r="H128" s="25"/>
      <c r="I128" s="25"/>
      <c r="J128" s="25"/>
      <c r="K128" s="25"/>
      <c r="L128" s="25"/>
      <c r="M128" s="25"/>
      <c r="N128" s="25"/>
      <c r="O128" s="25"/>
      <c r="P128" s="25"/>
      <c r="Q128" s="25"/>
      <c r="R128" s="25"/>
      <c r="S128" s="25"/>
      <c r="T128" s="25"/>
      <c r="U128" s="25"/>
      <c r="V128" s="25"/>
      <c r="W128" s="25"/>
      <c r="X128" s="25"/>
      <c r="Y128" s="25"/>
      <c r="Z128" s="25"/>
      <c r="AA128" s="25"/>
      <c r="AB128" s="25"/>
      <c r="AC128" s="25"/>
      <c r="AD128" s="25"/>
      <c r="AE128" s="25"/>
      <c r="AF128" s="25"/>
      <c r="AG128" s="25"/>
      <c r="AH128" s="25"/>
      <c r="AI128" s="25"/>
      <c r="AJ128" s="25"/>
      <c r="AK128" s="25"/>
      <c r="AL128" s="25"/>
      <c r="AM128" s="25"/>
      <c r="AN128" s="25"/>
      <c r="AO128" s="25"/>
      <c r="AP128" s="25"/>
      <c r="AQ128" s="25"/>
      <c r="AR128" s="25"/>
      <c r="AS128" s="25"/>
      <c r="AT128" s="25"/>
      <c r="AU128" s="25"/>
      <c r="AV128" s="25"/>
      <c r="AW128" s="25"/>
      <c r="AX128" s="25"/>
      <c r="AY128" s="25"/>
      <c r="AZ128" s="25"/>
      <c r="BA128" s="25"/>
      <c r="BB128" s="25"/>
      <c r="BC128" s="25"/>
      <c r="BD128" s="25"/>
      <c r="BE128" s="25"/>
      <c r="BF128" s="25"/>
      <c r="BG128" s="25"/>
      <c r="BH128" s="25"/>
      <c r="BI128" s="25"/>
      <c r="BJ128" s="25"/>
      <c r="BK128" s="25"/>
      <c r="BL128" s="25"/>
      <c r="BM128" s="25"/>
      <c r="BN128" s="25"/>
      <c r="BO128" s="25"/>
    </row>
    <row r="129" spans="1:67" x14ac:dyDescent="0.15">
      <c r="A129" s="25"/>
      <c r="B129" s="25"/>
      <c r="C129" s="25"/>
      <c r="D129" s="25"/>
      <c r="E129" s="25"/>
      <c r="F129" s="25"/>
      <c r="G129" s="25"/>
      <c r="H129" s="25"/>
      <c r="I129" s="25"/>
      <c r="J129" s="25"/>
      <c r="K129" s="25"/>
      <c r="L129" s="25"/>
      <c r="M129" s="25"/>
      <c r="N129" s="25"/>
      <c r="O129" s="25"/>
      <c r="P129" s="25"/>
      <c r="Q129" s="25"/>
      <c r="R129" s="25"/>
      <c r="S129" s="25"/>
      <c r="T129" s="25"/>
      <c r="U129" s="25"/>
      <c r="V129" s="25"/>
      <c r="W129" s="25"/>
      <c r="X129" s="25"/>
      <c r="Y129" s="25"/>
      <c r="Z129" s="25"/>
      <c r="AA129" s="25"/>
      <c r="AB129" s="25"/>
      <c r="AC129" s="25"/>
      <c r="AD129" s="25"/>
      <c r="AE129" s="25"/>
      <c r="AF129" s="25"/>
      <c r="AG129" s="25"/>
      <c r="AH129" s="25"/>
      <c r="AI129" s="25"/>
      <c r="AJ129" s="25"/>
      <c r="AK129" s="25"/>
      <c r="AL129" s="25"/>
      <c r="AM129" s="25"/>
      <c r="AN129" s="25"/>
      <c r="AO129" s="25"/>
      <c r="AP129" s="25"/>
      <c r="AQ129" s="25"/>
      <c r="AR129" s="25"/>
      <c r="AS129" s="25"/>
      <c r="AT129" s="25"/>
      <c r="AU129" s="25"/>
      <c r="AV129" s="25"/>
      <c r="AW129" s="25"/>
      <c r="AX129" s="25"/>
      <c r="AY129" s="25"/>
      <c r="AZ129" s="25"/>
      <c r="BA129" s="25"/>
      <c r="BB129" s="25"/>
      <c r="BC129" s="25"/>
      <c r="BD129" s="25"/>
      <c r="BE129" s="25"/>
      <c r="BF129" s="25"/>
      <c r="BG129" s="25"/>
      <c r="BH129" s="25"/>
      <c r="BI129" s="25"/>
      <c r="BJ129" s="25"/>
      <c r="BK129" s="25"/>
      <c r="BL129" s="25"/>
      <c r="BM129" s="25"/>
      <c r="BN129" s="25"/>
      <c r="BO129" s="25"/>
    </row>
    <row r="130" spans="1:67" x14ac:dyDescent="0.15">
      <c r="A130" s="25"/>
      <c r="B130" s="25"/>
      <c r="C130" s="25"/>
      <c r="D130" s="25"/>
      <c r="E130" s="25"/>
      <c r="F130" s="25"/>
      <c r="G130" s="25"/>
      <c r="H130" s="25"/>
      <c r="I130" s="25"/>
      <c r="J130" s="25"/>
      <c r="K130" s="25"/>
      <c r="L130" s="25"/>
      <c r="M130" s="25"/>
      <c r="N130" s="25"/>
      <c r="O130" s="25"/>
      <c r="P130" s="25"/>
      <c r="Q130" s="25"/>
      <c r="R130" s="25"/>
      <c r="S130" s="25"/>
      <c r="T130" s="25"/>
      <c r="U130" s="25"/>
      <c r="V130" s="25"/>
      <c r="W130" s="25"/>
      <c r="X130" s="25"/>
      <c r="Y130" s="25"/>
      <c r="Z130" s="25"/>
      <c r="AA130" s="25"/>
      <c r="AB130" s="25"/>
      <c r="AC130" s="25"/>
      <c r="AD130" s="25"/>
      <c r="AE130" s="25"/>
      <c r="AF130" s="25"/>
      <c r="AG130" s="25"/>
      <c r="AH130" s="25"/>
      <c r="AI130" s="25"/>
      <c r="AJ130" s="25"/>
      <c r="AK130" s="25"/>
      <c r="AL130" s="25"/>
      <c r="AM130" s="25"/>
      <c r="AN130" s="25"/>
      <c r="AO130" s="25"/>
      <c r="AP130" s="25"/>
      <c r="AQ130" s="25"/>
      <c r="AR130" s="25"/>
      <c r="AS130" s="25"/>
      <c r="AT130" s="25"/>
      <c r="AU130" s="25"/>
      <c r="AV130" s="25"/>
      <c r="AW130" s="25"/>
      <c r="AX130" s="25"/>
      <c r="AY130" s="25"/>
      <c r="AZ130" s="25"/>
      <c r="BA130" s="25"/>
      <c r="BB130" s="25"/>
      <c r="BC130" s="25"/>
      <c r="BD130" s="25"/>
      <c r="BE130" s="25"/>
      <c r="BF130" s="25"/>
      <c r="BG130" s="25"/>
      <c r="BH130" s="25"/>
      <c r="BI130" s="25"/>
      <c r="BJ130" s="25"/>
      <c r="BK130" s="25"/>
      <c r="BL130" s="25"/>
      <c r="BM130" s="25"/>
      <c r="BN130" s="25"/>
      <c r="BO130" s="25"/>
    </row>
    <row r="131" spans="1:67" x14ac:dyDescent="0.15">
      <c r="A131" s="25"/>
      <c r="B131" s="25"/>
      <c r="C131" s="25"/>
      <c r="D131" s="25"/>
      <c r="E131" s="25"/>
      <c r="F131" s="25"/>
      <c r="G131" s="25"/>
      <c r="H131" s="25"/>
      <c r="I131" s="25"/>
      <c r="J131" s="25"/>
      <c r="K131" s="25"/>
      <c r="L131" s="25"/>
      <c r="M131" s="25"/>
      <c r="N131" s="25"/>
      <c r="O131" s="25"/>
      <c r="P131" s="25"/>
      <c r="Q131" s="25"/>
      <c r="R131" s="25"/>
      <c r="S131" s="25"/>
      <c r="T131" s="25"/>
      <c r="U131" s="25"/>
      <c r="V131" s="25"/>
      <c r="W131" s="25"/>
      <c r="X131" s="25"/>
      <c r="Y131" s="25"/>
      <c r="Z131" s="25"/>
      <c r="AA131" s="25"/>
      <c r="AB131" s="25"/>
      <c r="AC131" s="25"/>
      <c r="AD131" s="25"/>
      <c r="AE131" s="25"/>
      <c r="AF131" s="25"/>
      <c r="AG131" s="25"/>
      <c r="AH131" s="25"/>
      <c r="AI131" s="25"/>
      <c r="AJ131" s="25"/>
      <c r="AK131" s="25"/>
      <c r="AL131" s="25"/>
      <c r="AM131" s="25"/>
      <c r="AN131" s="25"/>
      <c r="AO131" s="25"/>
      <c r="AP131" s="25"/>
      <c r="AQ131" s="25"/>
      <c r="AR131" s="25"/>
      <c r="AS131" s="25"/>
      <c r="AT131" s="25"/>
      <c r="AU131" s="25"/>
      <c r="AV131" s="25"/>
      <c r="AW131" s="25"/>
      <c r="AX131" s="25"/>
      <c r="AY131" s="25"/>
      <c r="AZ131" s="25"/>
      <c r="BA131" s="25"/>
      <c r="BB131" s="25"/>
      <c r="BC131" s="25"/>
      <c r="BD131" s="25"/>
      <c r="BE131" s="25"/>
      <c r="BF131" s="25"/>
      <c r="BG131" s="25"/>
      <c r="BH131" s="25"/>
      <c r="BI131" s="25"/>
      <c r="BJ131" s="25"/>
      <c r="BK131" s="25"/>
      <c r="BL131" s="25"/>
      <c r="BM131" s="25"/>
      <c r="BN131" s="25"/>
      <c r="BO131" s="25"/>
    </row>
    <row r="132" spans="1:67" x14ac:dyDescent="0.15">
      <c r="A132" s="25"/>
      <c r="B132" s="25"/>
      <c r="C132" s="25"/>
      <c r="D132" s="25"/>
      <c r="E132" s="25"/>
      <c r="F132" s="25"/>
      <c r="G132" s="25"/>
      <c r="H132" s="25"/>
      <c r="I132" s="25"/>
      <c r="J132" s="25"/>
      <c r="K132" s="25"/>
      <c r="L132" s="25"/>
      <c r="M132" s="25"/>
      <c r="N132" s="25"/>
      <c r="O132" s="25"/>
      <c r="P132" s="25"/>
      <c r="Q132" s="25"/>
      <c r="R132" s="25"/>
      <c r="S132" s="25"/>
      <c r="T132" s="25"/>
      <c r="U132" s="25"/>
      <c r="V132" s="25"/>
      <c r="W132" s="25"/>
      <c r="X132" s="25"/>
      <c r="Y132" s="25"/>
      <c r="Z132" s="25"/>
      <c r="AA132" s="25"/>
      <c r="AB132" s="25"/>
      <c r="AC132" s="25"/>
      <c r="AD132" s="25"/>
      <c r="AE132" s="25"/>
      <c r="AF132" s="25"/>
      <c r="AG132" s="25"/>
      <c r="AH132" s="25"/>
      <c r="AI132" s="25"/>
      <c r="AJ132" s="25"/>
      <c r="AK132" s="25"/>
      <c r="AL132" s="25"/>
      <c r="AM132" s="25"/>
      <c r="AN132" s="25"/>
      <c r="AO132" s="25"/>
      <c r="AP132" s="25"/>
      <c r="AQ132" s="25"/>
      <c r="AR132" s="25"/>
      <c r="AS132" s="25"/>
      <c r="AT132" s="25"/>
      <c r="AU132" s="25"/>
      <c r="AV132" s="25"/>
      <c r="AW132" s="25"/>
      <c r="AX132" s="25"/>
      <c r="AY132" s="25"/>
      <c r="AZ132" s="25"/>
      <c r="BA132" s="25"/>
      <c r="BB132" s="25"/>
      <c r="BC132" s="25"/>
      <c r="BD132" s="25"/>
      <c r="BE132" s="25"/>
      <c r="BF132" s="25"/>
      <c r="BG132" s="25"/>
      <c r="BH132" s="25"/>
      <c r="BI132" s="25"/>
      <c r="BJ132" s="25"/>
      <c r="BK132" s="25"/>
      <c r="BL132" s="25"/>
      <c r="BM132" s="25"/>
      <c r="BN132" s="25"/>
      <c r="BO132" s="25"/>
    </row>
    <row r="133" spans="1:67" x14ac:dyDescent="0.15">
      <c r="A133" s="25"/>
      <c r="B133" s="25"/>
      <c r="C133" s="25"/>
      <c r="D133" s="25"/>
      <c r="E133" s="25"/>
      <c r="F133" s="25"/>
      <c r="G133" s="25"/>
      <c r="H133" s="25"/>
      <c r="I133" s="25"/>
      <c r="J133" s="25"/>
      <c r="K133" s="25"/>
      <c r="L133" s="25"/>
      <c r="M133" s="25"/>
      <c r="N133" s="25"/>
      <c r="O133" s="25"/>
      <c r="P133" s="25"/>
      <c r="Q133" s="25"/>
      <c r="R133" s="25"/>
      <c r="S133" s="25"/>
      <c r="T133" s="25"/>
      <c r="U133" s="25"/>
      <c r="V133" s="25"/>
      <c r="W133" s="25"/>
      <c r="X133" s="25"/>
      <c r="Y133" s="25"/>
      <c r="Z133" s="25"/>
      <c r="AA133" s="25"/>
      <c r="AB133" s="25"/>
      <c r="AC133" s="25"/>
      <c r="AD133" s="25"/>
      <c r="AE133" s="25"/>
      <c r="AF133" s="25"/>
      <c r="AG133" s="25"/>
      <c r="AH133" s="25"/>
      <c r="AI133" s="25"/>
      <c r="AJ133" s="25"/>
      <c r="AK133" s="25"/>
      <c r="AL133" s="25"/>
      <c r="AM133" s="25"/>
      <c r="AN133" s="25"/>
      <c r="AO133" s="25"/>
      <c r="AP133" s="25"/>
      <c r="AQ133" s="25"/>
      <c r="AR133" s="25"/>
      <c r="AS133" s="25"/>
      <c r="AT133" s="25"/>
      <c r="AU133" s="25"/>
      <c r="AV133" s="25"/>
      <c r="AW133" s="25"/>
      <c r="AX133" s="25"/>
      <c r="AY133" s="25"/>
      <c r="AZ133" s="25"/>
      <c r="BA133" s="25"/>
      <c r="BB133" s="25"/>
      <c r="BC133" s="25"/>
      <c r="BD133" s="25"/>
      <c r="BE133" s="25"/>
      <c r="BF133" s="25"/>
      <c r="BG133" s="25"/>
      <c r="BH133" s="25"/>
      <c r="BI133" s="25"/>
      <c r="BJ133" s="25"/>
      <c r="BK133" s="25"/>
      <c r="BL133" s="25"/>
      <c r="BM133" s="25"/>
      <c r="BN133" s="25"/>
      <c r="BO133" s="25"/>
    </row>
    <row r="134" spans="1:67" x14ac:dyDescent="0.15">
      <c r="A134" s="25"/>
      <c r="B134" s="25"/>
      <c r="C134" s="25"/>
      <c r="D134" s="25"/>
      <c r="E134" s="25"/>
      <c r="F134" s="25"/>
      <c r="G134" s="25"/>
      <c r="H134" s="25"/>
      <c r="I134" s="25"/>
      <c r="J134" s="25"/>
      <c r="K134" s="25"/>
      <c r="L134" s="25"/>
      <c r="M134" s="25"/>
      <c r="N134" s="25"/>
      <c r="O134" s="25"/>
      <c r="P134" s="25"/>
      <c r="Q134" s="25"/>
      <c r="R134" s="25"/>
      <c r="S134" s="25"/>
      <c r="T134" s="25"/>
      <c r="U134" s="25"/>
      <c r="V134" s="25"/>
      <c r="W134" s="25"/>
      <c r="X134" s="25"/>
      <c r="Y134" s="25"/>
      <c r="Z134" s="25"/>
      <c r="AA134" s="25"/>
      <c r="AB134" s="25"/>
      <c r="AC134" s="25"/>
      <c r="AD134" s="25"/>
      <c r="AE134" s="25"/>
      <c r="AF134" s="25"/>
      <c r="AG134" s="25"/>
      <c r="AH134" s="25"/>
      <c r="AI134" s="25"/>
      <c r="AJ134" s="25"/>
      <c r="AK134" s="25"/>
      <c r="AL134" s="25"/>
      <c r="AM134" s="25"/>
      <c r="AN134" s="25"/>
      <c r="AO134" s="25"/>
      <c r="AP134" s="25"/>
      <c r="AQ134" s="25"/>
      <c r="AR134" s="25"/>
      <c r="AS134" s="25"/>
      <c r="AT134" s="25"/>
      <c r="AU134" s="25"/>
      <c r="AV134" s="25"/>
      <c r="AW134" s="25"/>
      <c r="AX134" s="25"/>
      <c r="AY134" s="25"/>
      <c r="AZ134" s="25"/>
      <c r="BA134" s="25"/>
      <c r="BB134" s="25"/>
      <c r="BC134" s="25"/>
      <c r="BD134" s="25"/>
      <c r="BE134" s="25"/>
      <c r="BF134" s="25"/>
      <c r="BG134" s="25"/>
      <c r="BH134" s="25"/>
      <c r="BI134" s="25"/>
      <c r="BJ134" s="25"/>
      <c r="BK134" s="25"/>
      <c r="BL134" s="25"/>
      <c r="BM134" s="25"/>
      <c r="BN134" s="25"/>
      <c r="BO134" s="25"/>
    </row>
    <row r="135" spans="1:67" x14ac:dyDescent="0.15">
      <c r="A135" s="25"/>
      <c r="B135" s="25"/>
      <c r="C135" s="25"/>
      <c r="D135" s="25"/>
      <c r="E135" s="25"/>
      <c r="F135" s="25"/>
      <c r="G135" s="25"/>
      <c r="H135" s="25"/>
      <c r="I135" s="25"/>
      <c r="J135" s="25"/>
      <c r="K135" s="25"/>
      <c r="L135" s="25"/>
      <c r="M135" s="25"/>
      <c r="N135" s="25"/>
      <c r="O135" s="25"/>
      <c r="P135" s="25"/>
      <c r="Q135" s="25"/>
      <c r="R135" s="25"/>
      <c r="S135" s="25"/>
      <c r="T135" s="25"/>
      <c r="U135" s="25"/>
      <c r="V135" s="25"/>
      <c r="W135" s="25"/>
      <c r="X135" s="25"/>
      <c r="Y135" s="25"/>
      <c r="Z135" s="25"/>
      <c r="AA135" s="25"/>
      <c r="AB135" s="25"/>
      <c r="AC135" s="25"/>
      <c r="AD135" s="25"/>
      <c r="AE135" s="25"/>
      <c r="AF135" s="25"/>
      <c r="AG135" s="25"/>
      <c r="AH135" s="25"/>
      <c r="AI135" s="25"/>
      <c r="AJ135" s="25"/>
      <c r="AK135" s="25"/>
      <c r="AL135" s="25"/>
      <c r="AM135" s="25"/>
      <c r="AN135" s="25"/>
      <c r="AO135" s="25"/>
      <c r="AP135" s="25"/>
      <c r="AQ135" s="25"/>
      <c r="AR135" s="25"/>
      <c r="AS135" s="25"/>
      <c r="AT135" s="25"/>
      <c r="AU135" s="25"/>
      <c r="AV135" s="25"/>
      <c r="AW135" s="25"/>
      <c r="AX135" s="25"/>
      <c r="AY135" s="25"/>
      <c r="AZ135" s="25"/>
      <c r="BA135" s="25"/>
      <c r="BB135" s="25"/>
      <c r="BC135" s="25"/>
      <c r="BD135" s="25"/>
      <c r="BE135" s="25"/>
      <c r="BF135" s="25"/>
      <c r="BG135" s="25"/>
      <c r="BH135" s="25"/>
      <c r="BI135" s="25"/>
      <c r="BJ135" s="25"/>
      <c r="BK135" s="25"/>
      <c r="BL135" s="25"/>
      <c r="BM135" s="25"/>
      <c r="BN135" s="25"/>
      <c r="BO135" s="25"/>
    </row>
    <row r="136" spans="1:67" x14ac:dyDescent="0.15">
      <c r="A136" s="25"/>
      <c r="B136" s="25"/>
      <c r="C136" s="25"/>
      <c r="D136" s="25"/>
      <c r="E136" s="25"/>
      <c r="F136" s="25"/>
      <c r="G136" s="25"/>
      <c r="H136" s="25"/>
      <c r="I136" s="25"/>
      <c r="J136" s="25"/>
      <c r="K136" s="25"/>
      <c r="L136" s="25"/>
      <c r="M136" s="25"/>
      <c r="N136" s="25"/>
      <c r="O136" s="25"/>
      <c r="P136" s="25"/>
      <c r="Q136" s="25"/>
      <c r="R136" s="25"/>
      <c r="S136" s="25"/>
      <c r="T136" s="25"/>
      <c r="U136" s="25"/>
      <c r="V136" s="25"/>
      <c r="W136" s="25"/>
      <c r="X136" s="25"/>
      <c r="Y136" s="25"/>
      <c r="Z136" s="25"/>
      <c r="AA136" s="25"/>
      <c r="AB136" s="25"/>
      <c r="AC136" s="25"/>
      <c r="AD136" s="25"/>
      <c r="AE136" s="25"/>
      <c r="AF136" s="25"/>
      <c r="AG136" s="25"/>
      <c r="AH136" s="25"/>
      <c r="AI136" s="25"/>
      <c r="AJ136" s="25"/>
      <c r="AK136" s="25"/>
      <c r="AL136" s="25"/>
      <c r="AM136" s="25"/>
      <c r="AN136" s="25"/>
      <c r="AO136" s="25"/>
      <c r="AP136" s="25"/>
      <c r="AQ136" s="25"/>
      <c r="AR136" s="25"/>
      <c r="AS136" s="25"/>
      <c r="AT136" s="25"/>
      <c r="AU136" s="25"/>
      <c r="AV136" s="25"/>
      <c r="AW136" s="25"/>
      <c r="AX136" s="25"/>
      <c r="AY136" s="25"/>
      <c r="AZ136" s="25"/>
      <c r="BA136" s="25"/>
      <c r="BB136" s="25"/>
      <c r="BC136" s="25"/>
      <c r="BD136" s="25"/>
      <c r="BE136" s="25"/>
      <c r="BF136" s="25"/>
      <c r="BG136" s="25"/>
      <c r="BH136" s="25"/>
      <c r="BI136" s="25"/>
      <c r="BJ136" s="25"/>
      <c r="BK136" s="25"/>
      <c r="BL136" s="25"/>
      <c r="BM136" s="25"/>
      <c r="BN136" s="25"/>
      <c r="BO136" s="25"/>
    </row>
    <row r="137" spans="1:67" x14ac:dyDescent="0.15">
      <c r="A137" s="25"/>
      <c r="B137" s="25"/>
      <c r="C137" s="25"/>
      <c r="D137" s="25"/>
      <c r="E137" s="25"/>
      <c r="F137" s="25"/>
      <c r="G137" s="25"/>
      <c r="H137" s="25"/>
      <c r="I137" s="25"/>
      <c r="J137" s="25"/>
      <c r="K137" s="25"/>
      <c r="L137" s="25"/>
      <c r="M137" s="25"/>
      <c r="N137" s="25"/>
      <c r="O137" s="25"/>
      <c r="P137" s="25"/>
      <c r="Q137" s="25"/>
      <c r="R137" s="25"/>
      <c r="S137" s="25"/>
      <c r="T137" s="25"/>
      <c r="U137" s="25"/>
      <c r="V137" s="25"/>
      <c r="W137" s="25"/>
      <c r="X137" s="25"/>
      <c r="Y137" s="25"/>
      <c r="Z137" s="25"/>
      <c r="AA137" s="25"/>
      <c r="AB137" s="25"/>
      <c r="AC137" s="25"/>
      <c r="AD137" s="25"/>
      <c r="AE137" s="25"/>
      <c r="AF137" s="25"/>
      <c r="AG137" s="25"/>
      <c r="AH137" s="25"/>
      <c r="AI137" s="25"/>
      <c r="AJ137" s="25"/>
      <c r="AK137" s="25"/>
      <c r="AL137" s="25"/>
      <c r="AM137" s="25"/>
      <c r="AN137" s="25"/>
      <c r="AO137" s="25"/>
      <c r="AP137" s="25"/>
      <c r="AQ137" s="25"/>
      <c r="AR137" s="25"/>
      <c r="AS137" s="25"/>
      <c r="AT137" s="25"/>
      <c r="AU137" s="25"/>
      <c r="AV137" s="25"/>
      <c r="AW137" s="25"/>
      <c r="AX137" s="25"/>
      <c r="AY137" s="25"/>
      <c r="AZ137" s="25"/>
      <c r="BA137" s="25"/>
      <c r="BB137" s="25"/>
      <c r="BC137" s="25"/>
      <c r="BD137" s="25"/>
      <c r="BE137" s="25"/>
      <c r="BF137" s="25"/>
      <c r="BG137" s="25"/>
      <c r="BH137" s="25"/>
      <c r="BI137" s="25"/>
      <c r="BJ137" s="25"/>
      <c r="BK137" s="25"/>
      <c r="BL137" s="25"/>
      <c r="BM137" s="25"/>
      <c r="BN137" s="25"/>
      <c r="BO137" s="25"/>
    </row>
    <row r="138" spans="1:67" x14ac:dyDescent="0.15">
      <c r="A138" s="25"/>
      <c r="B138" s="25"/>
      <c r="C138" s="25"/>
      <c r="D138" s="25"/>
      <c r="E138" s="25"/>
      <c r="F138" s="25"/>
      <c r="G138" s="25"/>
      <c r="H138" s="25"/>
      <c r="I138" s="25"/>
      <c r="J138" s="25"/>
      <c r="K138" s="25"/>
      <c r="L138" s="25"/>
      <c r="M138" s="25"/>
      <c r="N138" s="25"/>
      <c r="O138" s="25"/>
      <c r="P138" s="25"/>
      <c r="Q138" s="25"/>
      <c r="R138" s="25"/>
      <c r="S138" s="25"/>
      <c r="T138" s="25"/>
      <c r="U138" s="25"/>
      <c r="V138" s="25"/>
      <c r="W138" s="25"/>
      <c r="X138" s="25"/>
      <c r="Y138" s="25"/>
      <c r="Z138" s="25"/>
      <c r="AA138" s="25"/>
      <c r="AB138" s="25"/>
      <c r="AC138" s="25"/>
      <c r="AD138" s="25"/>
      <c r="AE138" s="25"/>
      <c r="AF138" s="25"/>
      <c r="AG138" s="25"/>
      <c r="AH138" s="25"/>
      <c r="AI138" s="25"/>
      <c r="AJ138" s="25"/>
      <c r="AK138" s="25"/>
      <c r="AL138" s="25"/>
      <c r="AM138" s="25"/>
      <c r="AN138" s="25"/>
      <c r="AO138" s="25"/>
      <c r="AP138" s="25"/>
      <c r="AQ138" s="25"/>
      <c r="AR138" s="25"/>
      <c r="AS138" s="25"/>
      <c r="AT138" s="25"/>
      <c r="AU138" s="25"/>
      <c r="AV138" s="25"/>
      <c r="AW138" s="25"/>
      <c r="AX138" s="25"/>
      <c r="AY138" s="25"/>
      <c r="AZ138" s="25"/>
      <c r="BA138" s="25"/>
      <c r="BB138" s="25"/>
      <c r="BC138" s="25"/>
      <c r="BD138" s="25"/>
      <c r="BE138" s="25"/>
      <c r="BF138" s="25"/>
      <c r="BG138" s="25"/>
      <c r="BH138" s="25"/>
      <c r="BI138" s="25"/>
      <c r="BJ138" s="25"/>
      <c r="BK138" s="25"/>
      <c r="BL138" s="25"/>
      <c r="BM138" s="25"/>
      <c r="BN138" s="25"/>
      <c r="BO138" s="25"/>
    </row>
    <row r="139" spans="1:67" x14ac:dyDescent="0.15">
      <c r="A139" s="25"/>
      <c r="B139" s="25"/>
      <c r="C139" s="25"/>
      <c r="D139" s="25"/>
      <c r="E139" s="25"/>
      <c r="F139" s="25"/>
      <c r="G139" s="25"/>
      <c r="H139" s="25"/>
      <c r="I139" s="25"/>
      <c r="J139" s="25"/>
      <c r="K139" s="25"/>
      <c r="L139" s="25"/>
      <c r="M139" s="25"/>
      <c r="N139" s="25"/>
      <c r="O139" s="25"/>
      <c r="P139" s="25"/>
      <c r="Q139" s="25"/>
      <c r="R139" s="25"/>
      <c r="S139" s="25"/>
      <c r="T139" s="25"/>
      <c r="U139" s="25"/>
      <c r="V139" s="25"/>
      <c r="W139" s="25"/>
      <c r="X139" s="25"/>
      <c r="Y139" s="25"/>
      <c r="Z139" s="25"/>
      <c r="AA139" s="25"/>
      <c r="AB139" s="25"/>
      <c r="AC139" s="25"/>
      <c r="AD139" s="25"/>
      <c r="AE139" s="25"/>
      <c r="AF139" s="25"/>
      <c r="AG139" s="25"/>
      <c r="AH139" s="25"/>
      <c r="AI139" s="25"/>
      <c r="AJ139" s="25"/>
      <c r="AK139" s="25"/>
      <c r="AL139" s="25"/>
      <c r="AM139" s="25"/>
      <c r="AN139" s="25"/>
      <c r="AO139" s="25"/>
      <c r="AP139" s="25"/>
      <c r="AQ139" s="25"/>
      <c r="AR139" s="25"/>
      <c r="AS139" s="25"/>
      <c r="AT139" s="25"/>
      <c r="AU139" s="25"/>
      <c r="AV139" s="25"/>
      <c r="AW139" s="25"/>
      <c r="AX139" s="25"/>
      <c r="AY139" s="25"/>
      <c r="AZ139" s="25"/>
      <c r="BA139" s="25"/>
      <c r="BB139" s="25"/>
      <c r="BC139" s="25"/>
      <c r="BD139" s="25"/>
      <c r="BE139" s="25"/>
      <c r="BF139" s="25"/>
      <c r="BG139" s="25"/>
      <c r="BH139" s="25"/>
      <c r="BI139" s="25"/>
      <c r="BJ139" s="25"/>
      <c r="BK139" s="25"/>
      <c r="BL139" s="25"/>
      <c r="BM139" s="25"/>
      <c r="BN139" s="25"/>
      <c r="BO139" s="25"/>
    </row>
    <row r="140" spans="1:67" x14ac:dyDescent="0.15">
      <c r="A140" s="25"/>
      <c r="B140" s="25"/>
      <c r="C140" s="25"/>
      <c r="D140" s="25"/>
      <c r="E140" s="25"/>
      <c r="F140" s="25"/>
      <c r="G140" s="25"/>
      <c r="H140" s="25"/>
      <c r="I140" s="25"/>
      <c r="J140" s="25"/>
      <c r="K140" s="25"/>
      <c r="L140" s="25"/>
      <c r="M140" s="25"/>
      <c r="N140" s="25"/>
      <c r="O140" s="25"/>
      <c r="P140" s="25"/>
      <c r="Q140" s="25"/>
      <c r="R140" s="25"/>
      <c r="S140" s="25"/>
      <c r="T140" s="25"/>
      <c r="U140" s="25"/>
      <c r="V140" s="25"/>
      <c r="W140" s="25"/>
      <c r="X140" s="25"/>
      <c r="Y140" s="25"/>
      <c r="Z140" s="25"/>
      <c r="AA140" s="25"/>
      <c r="AB140" s="25"/>
      <c r="AC140" s="25"/>
      <c r="AD140" s="25"/>
      <c r="AE140" s="25"/>
      <c r="AF140" s="25"/>
      <c r="AG140" s="25"/>
      <c r="AH140" s="25"/>
      <c r="AI140" s="25"/>
      <c r="AJ140" s="25"/>
      <c r="AK140" s="25"/>
      <c r="AL140" s="25"/>
      <c r="AM140" s="25"/>
      <c r="AN140" s="25"/>
      <c r="AO140" s="25"/>
      <c r="AP140" s="25"/>
      <c r="AQ140" s="25"/>
      <c r="AR140" s="25"/>
      <c r="AS140" s="25"/>
      <c r="AT140" s="25"/>
      <c r="AU140" s="25"/>
      <c r="AV140" s="25"/>
      <c r="AW140" s="25"/>
      <c r="AX140" s="25"/>
      <c r="AY140" s="25"/>
      <c r="AZ140" s="25"/>
      <c r="BA140" s="25"/>
      <c r="BB140" s="25"/>
      <c r="BC140" s="25"/>
      <c r="BD140" s="25"/>
      <c r="BE140" s="25"/>
      <c r="BF140" s="25"/>
      <c r="BG140" s="25"/>
      <c r="BH140" s="25"/>
      <c r="BI140" s="25"/>
      <c r="BJ140" s="25"/>
      <c r="BK140" s="25"/>
      <c r="BL140" s="25"/>
      <c r="BM140" s="25"/>
      <c r="BN140" s="25"/>
      <c r="BO140" s="25"/>
    </row>
    <row r="141" spans="1:67" x14ac:dyDescent="0.15">
      <c r="A141" s="25"/>
      <c r="B141" s="25"/>
      <c r="C141" s="25"/>
      <c r="D141" s="25"/>
      <c r="E141" s="25"/>
      <c r="F141" s="25"/>
      <c r="G141" s="25"/>
      <c r="H141" s="25"/>
      <c r="I141" s="25"/>
      <c r="J141" s="25"/>
      <c r="K141" s="25"/>
      <c r="L141" s="25"/>
      <c r="M141" s="25"/>
      <c r="N141" s="25"/>
      <c r="O141" s="25"/>
      <c r="P141" s="25"/>
      <c r="Q141" s="25"/>
      <c r="R141" s="25"/>
      <c r="S141" s="25"/>
      <c r="T141" s="25"/>
      <c r="U141" s="25"/>
      <c r="V141" s="25"/>
      <c r="W141" s="25"/>
      <c r="X141" s="25"/>
      <c r="Y141" s="25"/>
      <c r="Z141" s="25"/>
      <c r="AA141" s="25"/>
      <c r="AB141" s="25"/>
      <c r="AC141" s="25"/>
      <c r="AD141" s="25"/>
      <c r="AE141" s="25"/>
      <c r="AF141" s="25"/>
      <c r="AG141" s="25"/>
      <c r="AH141" s="25"/>
      <c r="AI141" s="25"/>
      <c r="AJ141" s="25"/>
      <c r="AK141" s="25"/>
      <c r="AL141" s="25"/>
      <c r="AM141" s="25"/>
      <c r="AN141" s="25"/>
      <c r="AO141" s="25"/>
      <c r="AP141" s="25"/>
      <c r="AQ141" s="25"/>
      <c r="AR141" s="25"/>
      <c r="AS141" s="25"/>
      <c r="AT141" s="25"/>
      <c r="AU141" s="25"/>
      <c r="AV141" s="25"/>
      <c r="AW141" s="25"/>
      <c r="AX141" s="25"/>
      <c r="AY141" s="25"/>
      <c r="AZ141" s="25"/>
      <c r="BA141" s="25"/>
      <c r="BB141" s="25"/>
      <c r="BC141" s="25"/>
      <c r="BD141" s="25"/>
      <c r="BE141" s="25"/>
      <c r="BF141" s="25"/>
      <c r="BG141" s="25"/>
      <c r="BH141" s="25"/>
      <c r="BI141" s="25"/>
      <c r="BJ141" s="25"/>
      <c r="BK141" s="25"/>
      <c r="BL141" s="25"/>
      <c r="BM141" s="25"/>
      <c r="BN141" s="25"/>
      <c r="BO141" s="25"/>
    </row>
    <row r="142" spans="1:67" x14ac:dyDescent="0.15">
      <c r="A142" s="25"/>
      <c r="B142" s="25"/>
      <c r="C142" s="25"/>
      <c r="D142" s="25"/>
      <c r="E142" s="25"/>
      <c r="F142" s="25"/>
      <c r="G142" s="25"/>
      <c r="H142" s="25"/>
      <c r="I142" s="25"/>
      <c r="J142" s="25"/>
      <c r="K142" s="25"/>
      <c r="L142" s="25"/>
      <c r="M142" s="25"/>
      <c r="N142" s="25"/>
      <c r="O142" s="25"/>
      <c r="P142" s="25"/>
      <c r="Q142" s="25"/>
      <c r="R142" s="25"/>
      <c r="S142" s="25"/>
      <c r="T142" s="25"/>
      <c r="U142" s="25"/>
      <c r="V142" s="25"/>
      <c r="W142" s="25"/>
      <c r="X142" s="25"/>
      <c r="Y142" s="25"/>
      <c r="Z142" s="25"/>
      <c r="AA142" s="25"/>
      <c r="AB142" s="25"/>
      <c r="AC142" s="25"/>
      <c r="AD142" s="25"/>
      <c r="AE142" s="25"/>
      <c r="AF142" s="25"/>
      <c r="AG142" s="25"/>
      <c r="AH142" s="25"/>
      <c r="AI142" s="25"/>
      <c r="AJ142" s="25"/>
      <c r="AK142" s="25"/>
      <c r="AL142" s="25"/>
      <c r="AM142" s="25"/>
      <c r="AN142" s="25"/>
      <c r="AO142" s="25"/>
      <c r="AP142" s="25"/>
      <c r="AQ142" s="25"/>
      <c r="AR142" s="25"/>
      <c r="AS142" s="25"/>
      <c r="AT142" s="25"/>
      <c r="AU142" s="25"/>
      <c r="AV142" s="25"/>
      <c r="AW142" s="25"/>
      <c r="AX142" s="25"/>
      <c r="AY142" s="25"/>
      <c r="AZ142" s="25"/>
      <c r="BA142" s="25"/>
      <c r="BB142" s="25"/>
      <c r="BC142" s="25"/>
      <c r="BD142" s="25"/>
      <c r="BE142" s="25"/>
      <c r="BF142" s="25"/>
      <c r="BG142" s="25"/>
      <c r="BH142" s="25"/>
      <c r="BI142" s="25"/>
      <c r="BJ142" s="25"/>
      <c r="BK142" s="25"/>
      <c r="BL142" s="25"/>
      <c r="BM142" s="25"/>
      <c r="BN142" s="25"/>
      <c r="BO142" s="25"/>
    </row>
    <row r="143" spans="1:67" x14ac:dyDescent="0.15">
      <c r="A143" s="25"/>
      <c r="B143" s="25"/>
      <c r="C143" s="25"/>
      <c r="D143" s="25"/>
      <c r="E143" s="25"/>
      <c r="F143" s="25"/>
      <c r="G143" s="25"/>
      <c r="H143" s="25"/>
      <c r="I143" s="25"/>
      <c r="J143" s="25"/>
      <c r="K143" s="25"/>
      <c r="L143" s="25"/>
      <c r="M143" s="25"/>
      <c r="N143" s="25"/>
      <c r="O143" s="25"/>
      <c r="P143" s="25"/>
      <c r="Q143" s="25"/>
      <c r="R143" s="25"/>
      <c r="S143" s="25"/>
      <c r="T143" s="25"/>
      <c r="U143" s="25"/>
      <c r="V143" s="25"/>
      <c r="W143" s="25"/>
      <c r="X143" s="25"/>
      <c r="Y143" s="25"/>
      <c r="Z143" s="25"/>
      <c r="AA143" s="25"/>
      <c r="AB143" s="25"/>
      <c r="AC143" s="25"/>
      <c r="AD143" s="25"/>
      <c r="AE143" s="25"/>
      <c r="AF143" s="25"/>
      <c r="AG143" s="25"/>
      <c r="AH143" s="25"/>
      <c r="AI143" s="25"/>
      <c r="AJ143" s="25"/>
      <c r="AK143" s="25"/>
      <c r="AL143" s="25"/>
      <c r="AM143" s="25"/>
      <c r="AN143" s="25"/>
      <c r="AO143" s="25"/>
      <c r="AP143" s="25"/>
      <c r="AQ143" s="25"/>
      <c r="AR143" s="25"/>
      <c r="AS143" s="25"/>
      <c r="AT143" s="25"/>
      <c r="AU143" s="25"/>
      <c r="AV143" s="25"/>
      <c r="AW143" s="25"/>
      <c r="AX143" s="25"/>
      <c r="AY143" s="25"/>
      <c r="AZ143" s="25"/>
      <c r="BA143" s="25"/>
      <c r="BB143" s="25"/>
      <c r="BC143" s="25"/>
      <c r="BD143" s="25"/>
      <c r="BE143" s="25"/>
      <c r="BF143" s="25"/>
      <c r="BG143" s="25"/>
      <c r="BH143" s="25"/>
      <c r="BI143" s="25"/>
      <c r="BJ143" s="25"/>
      <c r="BK143" s="25"/>
      <c r="BL143" s="25"/>
      <c r="BM143" s="25"/>
      <c r="BN143" s="25"/>
      <c r="BO143" s="25"/>
    </row>
    <row r="144" spans="1:67" x14ac:dyDescent="0.15">
      <c r="A144" s="25"/>
      <c r="B144" s="25"/>
      <c r="C144" s="25"/>
      <c r="D144" s="25"/>
      <c r="E144" s="25"/>
      <c r="F144" s="25"/>
      <c r="G144" s="25"/>
      <c r="H144" s="25"/>
      <c r="I144" s="25"/>
      <c r="J144" s="25"/>
      <c r="K144" s="25"/>
      <c r="L144" s="25"/>
      <c r="M144" s="25"/>
      <c r="N144" s="25"/>
      <c r="O144" s="25"/>
      <c r="P144" s="25"/>
      <c r="Q144" s="25"/>
      <c r="R144" s="25"/>
      <c r="S144" s="25"/>
      <c r="T144" s="25"/>
      <c r="U144" s="25"/>
      <c r="V144" s="25"/>
      <c r="W144" s="25"/>
      <c r="X144" s="25"/>
      <c r="Y144" s="25"/>
      <c r="Z144" s="25"/>
      <c r="AA144" s="25"/>
      <c r="AB144" s="25"/>
      <c r="AC144" s="25"/>
      <c r="AD144" s="25"/>
      <c r="AE144" s="25"/>
      <c r="AF144" s="25"/>
      <c r="AG144" s="25"/>
      <c r="AH144" s="25"/>
      <c r="AI144" s="25"/>
      <c r="AJ144" s="25"/>
      <c r="AK144" s="25"/>
      <c r="AL144" s="25"/>
      <c r="AM144" s="25"/>
      <c r="AN144" s="25"/>
      <c r="AO144" s="25"/>
      <c r="AP144" s="25"/>
      <c r="AQ144" s="25"/>
      <c r="AR144" s="25"/>
      <c r="AS144" s="25"/>
      <c r="AT144" s="25"/>
      <c r="AU144" s="25"/>
      <c r="AV144" s="25"/>
      <c r="AW144" s="25"/>
      <c r="AX144" s="25"/>
      <c r="AY144" s="25"/>
      <c r="AZ144" s="25"/>
      <c r="BA144" s="25"/>
      <c r="BB144" s="25"/>
      <c r="BC144" s="25"/>
      <c r="BD144" s="25"/>
      <c r="BE144" s="25"/>
      <c r="BF144" s="25"/>
      <c r="BG144" s="25"/>
      <c r="BH144" s="25"/>
      <c r="BI144" s="25"/>
      <c r="BJ144" s="25"/>
      <c r="BK144" s="25"/>
      <c r="BL144" s="25"/>
      <c r="BM144" s="25"/>
      <c r="BN144" s="25"/>
      <c r="BO144" s="25"/>
    </row>
    <row r="145" spans="1:67" x14ac:dyDescent="0.15">
      <c r="A145" s="25"/>
      <c r="B145" s="25"/>
      <c r="C145" s="25"/>
      <c r="D145" s="25"/>
      <c r="E145" s="25"/>
      <c r="F145" s="25"/>
      <c r="G145" s="25"/>
      <c r="H145" s="25"/>
      <c r="I145" s="25"/>
      <c r="J145" s="25"/>
      <c r="K145" s="25"/>
      <c r="L145" s="25"/>
      <c r="M145" s="25"/>
      <c r="N145" s="25"/>
      <c r="O145" s="25"/>
      <c r="P145" s="25"/>
      <c r="Q145" s="25"/>
      <c r="R145" s="25"/>
      <c r="S145" s="25"/>
      <c r="T145" s="25"/>
      <c r="U145" s="25"/>
      <c r="V145" s="25"/>
      <c r="W145" s="25"/>
      <c r="X145" s="25"/>
      <c r="Y145" s="25"/>
      <c r="Z145" s="25"/>
      <c r="AA145" s="25"/>
      <c r="AB145" s="25"/>
      <c r="AC145" s="25"/>
      <c r="AD145" s="25"/>
      <c r="AE145" s="25"/>
      <c r="AF145" s="25"/>
      <c r="AG145" s="25"/>
      <c r="AH145" s="25"/>
      <c r="AI145" s="25"/>
      <c r="AJ145" s="25"/>
      <c r="AK145" s="25"/>
      <c r="AL145" s="25"/>
      <c r="AM145" s="25"/>
      <c r="AN145" s="25"/>
      <c r="AO145" s="25"/>
      <c r="AP145" s="25"/>
      <c r="AQ145" s="25"/>
      <c r="AR145" s="25"/>
      <c r="AS145" s="25"/>
      <c r="AT145" s="25"/>
      <c r="AU145" s="25"/>
      <c r="AV145" s="25"/>
      <c r="AW145" s="25"/>
      <c r="AX145" s="25"/>
      <c r="AY145" s="25"/>
      <c r="AZ145" s="25"/>
      <c r="BA145" s="25"/>
      <c r="BB145" s="25"/>
      <c r="BC145" s="25"/>
      <c r="BD145" s="25"/>
      <c r="BE145" s="25"/>
      <c r="BF145" s="25"/>
      <c r="BG145" s="25"/>
      <c r="BH145" s="25"/>
      <c r="BI145" s="25"/>
      <c r="BJ145" s="25"/>
      <c r="BK145" s="25"/>
      <c r="BL145" s="25"/>
      <c r="BM145" s="25"/>
      <c r="BN145" s="25"/>
      <c r="BO145" s="25"/>
    </row>
    <row r="146" spans="1:67" x14ac:dyDescent="0.15">
      <c r="A146" s="25"/>
      <c r="B146" s="25"/>
      <c r="C146" s="25"/>
      <c r="D146" s="25"/>
      <c r="E146" s="25"/>
      <c r="F146" s="25"/>
      <c r="G146" s="25"/>
      <c r="H146" s="25"/>
      <c r="I146" s="25"/>
      <c r="J146" s="25"/>
      <c r="K146" s="25"/>
      <c r="L146" s="25"/>
      <c r="M146" s="25"/>
      <c r="N146" s="25"/>
      <c r="O146" s="25"/>
      <c r="P146" s="25"/>
      <c r="Q146" s="25"/>
      <c r="R146" s="25"/>
      <c r="S146" s="25"/>
      <c r="T146" s="25"/>
      <c r="U146" s="25"/>
      <c r="V146" s="25"/>
      <c r="W146" s="25"/>
      <c r="X146" s="25"/>
      <c r="Y146" s="25"/>
      <c r="Z146" s="25"/>
      <c r="AA146" s="25"/>
      <c r="AB146" s="25"/>
      <c r="AC146" s="25"/>
      <c r="AD146" s="25"/>
      <c r="AE146" s="25"/>
      <c r="AF146" s="25"/>
      <c r="AG146" s="25"/>
      <c r="AH146" s="25"/>
      <c r="AI146" s="25"/>
      <c r="AJ146" s="25"/>
      <c r="AK146" s="25"/>
      <c r="AL146" s="25"/>
      <c r="AM146" s="25"/>
      <c r="AN146" s="25"/>
      <c r="AO146" s="25"/>
      <c r="AP146" s="25"/>
      <c r="AQ146" s="25"/>
      <c r="AR146" s="25"/>
      <c r="AS146" s="25"/>
      <c r="AT146" s="25"/>
      <c r="AU146" s="25"/>
      <c r="AV146" s="25"/>
      <c r="AW146" s="25"/>
      <c r="AX146" s="25"/>
      <c r="AY146" s="25"/>
      <c r="AZ146" s="25"/>
      <c r="BA146" s="25"/>
      <c r="BB146" s="25"/>
      <c r="BC146" s="25"/>
      <c r="BD146" s="25"/>
      <c r="BE146" s="25"/>
      <c r="BF146" s="25"/>
      <c r="BG146" s="25"/>
      <c r="BH146" s="25"/>
      <c r="BI146" s="25"/>
      <c r="BJ146" s="25"/>
      <c r="BK146" s="25"/>
      <c r="BL146" s="25"/>
      <c r="BM146" s="25"/>
      <c r="BN146" s="25"/>
      <c r="BO146" s="25"/>
    </row>
    <row r="147" spans="1:67" x14ac:dyDescent="0.15">
      <c r="A147" s="25"/>
      <c r="B147" s="25"/>
      <c r="C147" s="25"/>
      <c r="D147" s="25"/>
      <c r="E147" s="25"/>
      <c r="F147" s="25"/>
      <c r="G147" s="25"/>
      <c r="H147" s="25"/>
      <c r="I147" s="25"/>
      <c r="J147" s="25"/>
      <c r="K147" s="25"/>
      <c r="L147" s="25"/>
      <c r="M147" s="25"/>
      <c r="N147" s="25"/>
      <c r="O147" s="25"/>
      <c r="P147" s="25"/>
      <c r="Q147" s="25"/>
      <c r="R147" s="25"/>
      <c r="S147" s="25"/>
      <c r="T147" s="25"/>
      <c r="U147" s="25"/>
      <c r="V147" s="25"/>
      <c r="W147" s="25"/>
      <c r="X147" s="25"/>
      <c r="Y147" s="25"/>
      <c r="Z147" s="25"/>
      <c r="AA147" s="25"/>
      <c r="AB147" s="25"/>
      <c r="AC147" s="25"/>
      <c r="AD147" s="25"/>
      <c r="AE147" s="25"/>
      <c r="AF147" s="25"/>
      <c r="AG147" s="25"/>
      <c r="AH147" s="25"/>
      <c r="AI147" s="25"/>
      <c r="AJ147" s="25"/>
      <c r="AK147" s="25"/>
      <c r="AL147" s="25"/>
      <c r="AM147" s="25"/>
      <c r="AN147" s="25"/>
      <c r="AO147" s="25"/>
      <c r="AP147" s="25"/>
      <c r="AQ147" s="25"/>
      <c r="AR147" s="25"/>
      <c r="AS147" s="25"/>
      <c r="AT147" s="25"/>
      <c r="AU147" s="25"/>
      <c r="AV147" s="25"/>
      <c r="AW147" s="25"/>
      <c r="AX147" s="25"/>
      <c r="AY147" s="25"/>
      <c r="AZ147" s="25"/>
      <c r="BA147" s="25"/>
      <c r="BB147" s="25"/>
      <c r="BC147" s="25"/>
      <c r="BD147" s="25"/>
      <c r="BE147" s="25"/>
      <c r="BF147" s="25"/>
      <c r="BG147" s="25"/>
      <c r="BH147" s="25"/>
      <c r="BI147" s="25"/>
      <c r="BJ147" s="25"/>
      <c r="BK147" s="25"/>
      <c r="BL147" s="25"/>
      <c r="BM147" s="25"/>
      <c r="BN147" s="25"/>
      <c r="BO147" s="25"/>
    </row>
    <row r="148" spans="1:67" x14ac:dyDescent="0.15">
      <c r="A148" s="25"/>
      <c r="B148" s="25"/>
      <c r="C148" s="25"/>
      <c r="D148" s="25"/>
      <c r="E148" s="25"/>
      <c r="F148" s="25"/>
      <c r="G148" s="25"/>
      <c r="H148" s="25"/>
      <c r="I148" s="25"/>
      <c r="J148" s="25"/>
      <c r="K148" s="25"/>
      <c r="L148" s="25"/>
      <c r="M148" s="25"/>
      <c r="N148" s="25"/>
      <c r="O148" s="25"/>
      <c r="P148" s="25"/>
      <c r="Q148" s="25"/>
      <c r="R148" s="25"/>
      <c r="S148" s="25"/>
      <c r="T148" s="25"/>
      <c r="U148" s="25"/>
      <c r="V148" s="25"/>
      <c r="W148" s="25"/>
      <c r="X148" s="25"/>
      <c r="Y148" s="25"/>
      <c r="Z148" s="25"/>
      <c r="AA148" s="25"/>
      <c r="AB148" s="25"/>
      <c r="AC148" s="25"/>
      <c r="AD148" s="25"/>
      <c r="AE148" s="25"/>
      <c r="AF148" s="25"/>
      <c r="AG148" s="25"/>
      <c r="AH148" s="25"/>
      <c r="AI148" s="25"/>
      <c r="AJ148" s="25"/>
      <c r="AK148" s="25"/>
      <c r="AL148" s="25"/>
      <c r="AM148" s="25"/>
      <c r="AN148" s="25"/>
      <c r="AO148" s="25"/>
      <c r="AP148" s="25"/>
      <c r="AQ148" s="25"/>
      <c r="AR148" s="25"/>
      <c r="AS148" s="25"/>
      <c r="AT148" s="25"/>
      <c r="AU148" s="25"/>
      <c r="AV148" s="25"/>
      <c r="AW148" s="25"/>
      <c r="AX148" s="25"/>
      <c r="AY148" s="25"/>
      <c r="AZ148" s="25"/>
      <c r="BA148" s="25"/>
      <c r="BB148" s="25"/>
      <c r="BC148" s="25"/>
      <c r="BD148" s="25"/>
      <c r="BE148" s="25"/>
      <c r="BF148" s="25"/>
      <c r="BG148" s="25"/>
      <c r="BH148" s="25"/>
      <c r="BI148" s="25"/>
      <c r="BJ148" s="25"/>
      <c r="BK148" s="25"/>
      <c r="BL148" s="25"/>
      <c r="BM148" s="25"/>
      <c r="BN148" s="25"/>
      <c r="BO148" s="25"/>
    </row>
    <row r="149" spans="1:67" x14ac:dyDescent="0.15">
      <c r="A149" s="25"/>
      <c r="B149" s="25"/>
      <c r="C149" s="25"/>
      <c r="D149" s="25"/>
      <c r="E149" s="25"/>
      <c r="F149" s="25"/>
      <c r="G149" s="25"/>
      <c r="H149" s="25"/>
      <c r="I149" s="25"/>
      <c r="J149" s="25"/>
      <c r="K149" s="25"/>
      <c r="L149" s="25"/>
      <c r="M149" s="25"/>
      <c r="N149" s="25"/>
      <c r="O149" s="25"/>
      <c r="P149" s="25"/>
      <c r="Q149" s="25"/>
      <c r="R149" s="25"/>
      <c r="S149" s="25"/>
      <c r="T149" s="25"/>
      <c r="U149" s="25"/>
      <c r="V149" s="25"/>
      <c r="W149" s="25"/>
      <c r="X149" s="25"/>
      <c r="Y149" s="25"/>
      <c r="Z149" s="25"/>
      <c r="AA149" s="25"/>
      <c r="AB149" s="25"/>
      <c r="AC149" s="25"/>
      <c r="AD149" s="25"/>
      <c r="AE149" s="25"/>
      <c r="AF149" s="25"/>
      <c r="AG149" s="25"/>
      <c r="AH149" s="25"/>
      <c r="AI149" s="25"/>
      <c r="AJ149" s="25"/>
      <c r="AK149" s="25"/>
      <c r="AL149" s="25"/>
      <c r="AM149" s="25"/>
      <c r="AN149" s="25"/>
      <c r="AO149" s="25"/>
      <c r="AP149" s="25"/>
      <c r="AQ149" s="25"/>
      <c r="AR149" s="25"/>
      <c r="AS149" s="25"/>
      <c r="AT149" s="25"/>
      <c r="AU149" s="25"/>
      <c r="AV149" s="25"/>
      <c r="AW149" s="25"/>
      <c r="AX149" s="25"/>
      <c r="AY149" s="25"/>
      <c r="AZ149" s="25"/>
      <c r="BA149" s="25"/>
      <c r="BB149" s="25"/>
      <c r="BC149" s="25"/>
      <c r="BD149" s="25"/>
      <c r="BE149" s="25"/>
      <c r="BF149" s="25"/>
      <c r="BG149" s="25"/>
      <c r="BH149" s="25"/>
      <c r="BI149" s="25"/>
      <c r="BJ149" s="25"/>
      <c r="BK149" s="25"/>
      <c r="BL149" s="25"/>
      <c r="BM149" s="25"/>
      <c r="BN149" s="25"/>
      <c r="BO149" s="25"/>
    </row>
    <row r="150" spans="1:67" x14ac:dyDescent="0.15">
      <c r="A150" s="25"/>
      <c r="B150" s="25"/>
      <c r="C150" s="25"/>
      <c r="D150" s="25"/>
      <c r="E150" s="25"/>
      <c r="F150" s="25"/>
      <c r="G150" s="25"/>
      <c r="H150" s="25"/>
      <c r="I150" s="25"/>
      <c r="J150" s="25"/>
      <c r="K150" s="25"/>
      <c r="L150" s="25"/>
      <c r="M150" s="25"/>
      <c r="N150" s="25"/>
      <c r="O150" s="25"/>
      <c r="P150" s="25"/>
      <c r="Q150" s="25"/>
      <c r="R150" s="25"/>
      <c r="S150" s="25"/>
      <c r="T150" s="25"/>
      <c r="U150" s="25"/>
      <c r="V150" s="25"/>
      <c r="W150" s="25"/>
      <c r="X150" s="25"/>
      <c r="Y150" s="25"/>
      <c r="Z150" s="25"/>
      <c r="AA150" s="25"/>
      <c r="AB150" s="25"/>
      <c r="AC150" s="25"/>
      <c r="AD150" s="25"/>
      <c r="AE150" s="25"/>
      <c r="AF150" s="25"/>
      <c r="AG150" s="25"/>
      <c r="AH150" s="25"/>
      <c r="AI150" s="25"/>
      <c r="AJ150" s="25"/>
      <c r="AK150" s="25"/>
      <c r="AL150" s="25"/>
      <c r="AM150" s="25"/>
      <c r="AN150" s="25"/>
      <c r="AO150" s="25"/>
      <c r="AP150" s="25"/>
      <c r="AQ150" s="25"/>
      <c r="AR150" s="25"/>
      <c r="AS150" s="25"/>
      <c r="AT150" s="25"/>
      <c r="AU150" s="25"/>
      <c r="AV150" s="25"/>
      <c r="AW150" s="25"/>
      <c r="AX150" s="25"/>
      <c r="AY150" s="25"/>
      <c r="AZ150" s="25"/>
      <c r="BA150" s="25"/>
      <c r="BB150" s="25"/>
      <c r="BC150" s="25"/>
      <c r="BD150" s="25"/>
      <c r="BE150" s="25"/>
      <c r="BF150" s="25"/>
      <c r="BG150" s="25"/>
      <c r="BH150" s="25"/>
      <c r="BI150" s="25"/>
      <c r="BJ150" s="25"/>
      <c r="BK150" s="25"/>
      <c r="BL150" s="25"/>
      <c r="BM150" s="25"/>
      <c r="BN150" s="25"/>
      <c r="BO150" s="25"/>
    </row>
    <row r="151" spans="1:67" x14ac:dyDescent="0.15">
      <c r="A151" s="25"/>
      <c r="B151" s="25"/>
      <c r="C151" s="25"/>
      <c r="D151" s="25"/>
      <c r="E151" s="25"/>
      <c r="F151" s="25"/>
      <c r="G151" s="25"/>
      <c r="H151" s="25"/>
      <c r="I151" s="25"/>
      <c r="J151" s="25"/>
      <c r="K151" s="25"/>
      <c r="L151" s="25"/>
      <c r="M151" s="25"/>
      <c r="N151" s="25"/>
      <c r="O151" s="25"/>
      <c r="P151" s="25"/>
      <c r="Q151" s="25"/>
      <c r="R151" s="25"/>
      <c r="S151" s="25"/>
      <c r="T151" s="25"/>
      <c r="U151" s="25"/>
      <c r="V151" s="25"/>
      <c r="W151" s="25"/>
      <c r="X151" s="25"/>
      <c r="Y151" s="25"/>
      <c r="Z151" s="25"/>
      <c r="AA151" s="25"/>
      <c r="AB151" s="25"/>
      <c r="AC151" s="25"/>
      <c r="AD151" s="25"/>
      <c r="AE151" s="25"/>
      <c r="AF151" s="25"/>
      <c r="AG151" s="25"/>
      <c r="AH151" s="25"/>
      <c r="AI151" s="25"/>
      <c r="AJ151" s="25"/>
      <c r="AK151" s="25"/>
      <c r="AL151" s="25"/>
      <c r="AM151" s="25"/>
      <c r="AN151" s="25"/>
      <c r="AO151" s="25"/>
      <c r="AP151" s="25"/>
      <c r="AQ151" s="25"/>
      <c r="AR151" s="25"/>
      <c r="AS151" s="25"/>
      <c r="AT151" s="25"/>
      <c r="AU151" s="25"/>
      <c r="AV151" s="25"/>
      <c r="AW151" s="25"/>
      <c r="AX151" s="25"/>
      <c r="AY151" s="25"/>
      <c r="AZ151" s="25"/>
      <c r="BA151" s="25"/>
      <c r="BB151" s="25"/>
      <c r="BC151" s="25"/>
      <c r="BD151" s="25"/>
      <c r="BE151" s="25"/>
      <c r="BF151" s="25"/>
      <c r="BG151" s="25"/>
      <c r="BH151" s="25"/>
      <c r="BI151" s="25"/>
      <c r="BJ151" s="25"/>
      <c r="BK151" s="25"/>
      <c r="BL151" s="25"/>
      <c r="BM151" s="25"/>
      <c r="BN151" s="25"/>
      <c r="BO151" s="25"/>
    </row>
    <row r="152" spans="1:67" x14ac:dyDescent="0.15">
      <c r="A152" s="25"/>
      <c r="B152" s="25"/>
      <c r="C152" s="25"/>
      <c r="D152" s="25"/>
      <c r="E152" s="25"/>
      <c r="F152" s="25"/>
      <c r="G152" s="25"/>
      <c r="H152" s="25"/>
      <c r="I152" s="25"/>
      <c r="J152" s="25"/>
      <c r="K152" s="25"/>
      <c r="L152" s="25"/>
      <c r="M152" s="25"/>
      <c r="N152" s="25"/>
      <c r="O152" s="25"/>
      <c r="P152" s="25"/>
      <c r="Q152" s="25"/>
      <c r="R152" s="25"/>
      <c r="S152" s="25"/>
      <c r="T152" s="25"/>
      <c r="U152" s="25"/>
      <c r="V152" s="25"/>
      <c r="W152" s="25"/>
      <c r="X152" s="25"/>
      <c r="Y152" s="25"/>
      <c r="Z152" s="25"/>
      <c r="AA152" s="25"/>
      <c r="AB152" s="25"/>
      <c r="AC152" s="25"/>
      <c r="AD152" s="25"/>
      <c r="AE152" s="25"/>
      <c r="AF152" s="25"/>
      <c r="AG152" s="25"/>
      <c r="AH152" s="25"/>
      <c r="AI152" s="25"/>
      <c r="AJ152" s="25"/>
      <c r="AK152" s="25"/>
      <c r="AL152" s="25"/>
      <c r="AM152" s="25"/>
      <c r="AN152" s="25"/>
      <c r="AO152" s="25"/>
      <c r="AP152" s="25"/>
      <c r="AQ152" s="25"/>
      <c r="AR152" s="25"/>
      <c r="AS152" s="25"/>
      <c r="AT152" s="25"/>
      <c r="AU152" s="25"/>
      <c r="AV152" s="25"/>
      <c r="AW152" s="25"/>
      <c r="AX152" s="25"/>
      <c r="AY152" s="25"/>
      <c r="AZ152" s="25"/>
      <c r="BA152" s="25"/>
      <c r="BB152" s="25"/>
      <c r="BC152" s="25"/>
      <c r="BD152" s="25"/>
      <c r="BE152" s="25"/>
      <c r="BF152" s="25"/>
      <c r="BG152" s="25"/>
      <c r="BH152" s="25"/>
      <c r="BI152" s="25"/>
      <c r="BJ152" s="25"/>
      <c r="BK152" s="25"/>
      <c r="BL152" s="25"/>
      <c r="BM152" s="25"/>
      <c r="BN152" s="25"/>
      <c r="BO152" s="25"/>
    </row>
    <row r="153" spans="1:67" x14ac:dyDescent="0.15">
      <c r="A153" s="25"/>
      <c r="B153" s="25"/>
      <c r="C153" s="25"/>
      <c r="D153" s="25"/>
      <c r="E153" s="25"/>
      <c r="F153" s="25"/>
      <c r="G153" s="25"/>
      <c r="H153" s="25"/>
      <c r="I153" s="25"/>
      <c r="J153" s="25"/>
      <c r="K153" s="25"/>
      <c r="L153" s="25"/>
      <c r="M153" s="25"/>
      <c r="N153" s="25"/>
      <c r="O153" s="25"/>
      <c r="P153" s="25"/>
      <c r="Q153" s="25"/>
      <c r="R153" s="25"/>
      <c r="S153" s="25"/>
      <c r="T153" s="25"/>
      <c r="U153" s="25"/>
      <c r="V153" s="25"/>
      <c r="W153" s="25"/>
      <c r="X153" s="25"/>
      <c r="Y153" s="25"/>
      <c r="Z153" s="25"/>
      <c r="AA153" s="25"/>
      <c r="AB153" s="25"/>
      <c r="AC153" s="25"/>
      <c r="AD153" s="25"/>
      <c r="AE153" s="25"/>
      <c r="AF153" s="25"/>
      <c r="AG153" s="25"/>
      <c r="AH153" s="25"/>
      <c r="AI153" s="25"/>
      <c r="AJ153" s="25"/>
      <c r="AK153" s="25"/>
      <c r="AL153" s="25"/>
      <c r="AM153" s="25"/>
      <c r="AN153" s="25"/>
      <c r="AO153" s="25"/>
      <c r="AP153" s="25"/>
      <c r="AQ153" s="25"/>
      <c r="AR153" s="25"/>
      <c r="AS153" s="25"/>
      <c r="AT153" s="25"/>
      <c r="AU153" s="25"/>
      <c r="AV153" s="25"/>
      <c r="AW153" s="25"/>
      <c r="AX153" s="25"/>
      <c r="AY153" s="25"/>
      <c r="AZ153" s="25"/>
      <c r="BA153" s="25"/>
      <c r="BB153" s="25"/>
      <c r="BC153" s="25"/>
      <c r="BD153" s="25"/>
      <c r="BE153" s="25"/>
      <c r="BF153" s="25"/>
      <c r="BG153" s="25"/>
      <c r="BH153" s="25"/>
      <c r="BI153" s="25"/>
      <c r="BJ153" s="25"/>
      <c r="BK153" s="25"/>
      <c r="BL153" s="25"/>
      <c r="BM153" s="25"/>
      <c r="BN153" s="25"/>
      <c r="BO153" s="25"/>
    </row>
    <row r="154" spans="1:67" x14ac:dyDescent="0.15">
      <c r="A154" s="25"/>
      <c r="B154" s="25"/>
      <c r="C154" s="25"/>
      <c r="D154" s="25"/>
      <c r="E154" s="25"/>
      <c r="F154" s="25"/>
      <c r="G154" s="25"/>
      <c r="H154" s="25"/>
      <c r="I154" s="25"/>
      <c r="J154" s="25"/>
      <c r="K154" s="25"/>
      <c r="L154" s="25"/>
      <c r="M154" s="25"/>
      <c r="N154" s="25"/>
      <c r="O154" s="25"/>
      <c r="P154" s="25"/>
      <c r="Q154" s="25"/>
      <c r="R154" s="25"/>
      <c r="S154" s="25"/>
      <c r="T154" s="25"/>
      <c r="U154" s="25"/>
      <c r="V154" s="25"/>
      <c r="W154" s="25"/>
      <c r="X154" s="25"/>
      <c r="Y154" s="25"/>
      <c r="Z154" s="25"/>
      <c r="AA154" s="25"/>
      <c r="AB154" s="25"/>
      <c r="AC154" s="25"/>
      <c r="AD154" s="25"/>
      <c r="AE154" s="25"/>
      <c r="AF154" s="25"/>
      <c r="AG154" s="25"/>
      <c r="AH154" s="25"/>
      <c r="AI154" s="25"/>
      <c r="AJ154" s="25"/>
      <c r="AK154" s="25"/>
      <c r="AL154" s="25"/>
      <c r="AM154" s="25"/>
      <c r="AN154" s="25"/>
      <c r="AO154" s="25"/>
      <c r="AP154" s="25"/>
      <c r="AQ154" s="25"/>
      <c r="AR154" s="25"/>
      <c r="AS154" s="25"/>
      <c r="AT154" s="25"/>
      <c r="AU154" s="25"/>
      <c r="AV154" s="25"/>
      <c r="AW154" s="25"/>
      <c r="AX154" s="25"/>
      <c r="AY154" s="25"/>
      <c r="AZ154" s="25"/>
      <c r="BA154" s="25"/>
      <c r="BB154" s="25"/>
      <c r="BC154" s="25"/>
      <c r="BD154" s="25"/>
      <c r="BE154" s="25"/>
      <c r="BF154" s="25"/>
      <c r="BG154" s="25"/>
      <c r="BH154" s="25"/>
      <c r="BI154" s="25"/>
      <c r="BJ154" s="25"/>
      <c r="BK154" s="25"/>
      <c r="BL154" s="25"/>
      <c r="BM154" s="25"/>
      <c r="BN154" s="25"/>
      <c r="BO154" s="25"/>
    </row>
    <row r="155" spans="1:67" x14ac:dyDescent="0.15">
      <c r="A155" s="25"/>
      <c r="B155" s="25"/>
      <c r="C155" s="25"/>
      <c r="D155" s="25"/>
      <c r="E155" s="25"/>
      <c r="F155" s="25"/>
      <c r="G155" s="25"/>
      <c r="H155" s="25"/>
      <c r="I155" s="25"/>
      <c r="J155" s="25"/>
      <c r="K155" s="25"/>
      <c r="L155" s="25"/>
      <c r="M155" s="25"/>
      <c r="N155" s="25"/>
      <c r="O155" s="25"/>
      <c r="P155" s="25"/>
      <c r="Q155" s="25"/>
      <c r="R155" s="25"/>
      <c r="S155" s="25"/>
      <c r="T155" s="25"/>
      <c r="U155" s="25"/>
      <c r="V155" s="25"/>
      <c r="W155" s="25"/>
      <c r="X155" s="25"/>
      <c r="Y155" s="25"/>
      <c r="Z155" s="25"/>
      <c r="AA155" s="25"/>
      <c r="AB155" s="25"/>
      <c r="AC155" s="25"/>
      <c r="AD155" s="25"/>
      <c r="AE155" s="25"/>
      <c r="AF155" s="25"/>
      <c r="AG155" s="25"/>
      <c r="AH155" s="25"/>
      <c r="AI155" s="25"/>
      <c r="AJ155" s="25"/>
      <c r="AK155" s="25"/>
      <c r="AL155" s="25"/>
      <c r="AM155" s="25"/>
      <c r="AN155" s="25"/>
      <c r="AO155" s="25"/>
      <c r="AP155" s="25"/>
      <c r="AQ155" s="25"/>
      <c r="AR155" s="25"/>
      <c r="AS155" s="25"/>
      <c r="AT155" s="25"/>
      <c r="AU155" s="25"/>
      <c r="AV155" s="25"/>
      <c r="AW155" s="25"/>
      <c r="AX155" s="25"/>
      <c r="AY155" s="25"/>
      <c r="AZ155" s="25"/>
      <c r="BA155" s="25"/>
      <c r="BB155" s="25"/>
      <c r="BC155" s="25"/>
      <c r="BD155" s="25"/>
      <c r="BE155" s="25"/>
      <c r="BF155" s="25"/>
      <c r="BG155" s="25"/>
      <c r="BH155" s="25"/>
      <c r="BI155" s="25"/>
      <c r="BJ155" s="25"/>
      <c r="BK155" s="25"/>
      <c r="BL155" s="25"/>
      <c r="BM155" s="25"/>
      <c r="BN155" s="25"/>
      <c r="BO155" s="25"/>
    </row>
  </sheetData>
  <sheetProtection algorithmName="SHA-512" hashValue="F4P1kgtH17jDOsvz2tP/okhwfzrvYRl3JnKODhJBQ35A/erT7jyRj5Pt8t/7M3eHx6WQrPfhSWv5bKgzQCvrLg==" saltValue="qGFiVPNgyDJGlmHE/4QsuA==" spinCount="100000" sheet="1" formatCells="0"/>
  <mergeCells count="77">
    <mergeCell ref="A27:B27"/>
    <mergeCell ref="D27:S27"/>
    <mergeCell ref="A28:C28"/>
    <mergeCell ref="D28:S28"/>
    <mergeCell ref="N7:S7"/>
    <mergeCell ref="O8:S8"/>
    <mergeCell ref="D24:S24"/>
    <mergeCell ref="A25:C25"/>
    <mergeCell ref="N26:S26"/>
    <mergeCell ref="A26:C26"/>
    <mergeCell ref="D25:S25"/>
    <mergeCell ref="A10:S10"/>
    <mergeCell ref="E14:F14"/>
    <mergeCell ref="H14:I14"/>
    <mergeCell ref="D15:S15"/>
    <mergeCell ref="J13:K13"/>
    <mergeCell ref="A36:B36"/>
    <mergeCell ref="D36:S36"/>
    <mergeCell ref="A38:C38"/>
    <mergeCell ref="D38:I38"/>
    <mergeCell ref="J38:M38"/>
    <mergeCell ref="N38:S38"/>
    <mergeCell ref="A37:C37"/>
    <mergeCell ref="L12:M12"/>
    <mergeCell ref="A12:B12"/>
    <mergeCell ref="A13:B13"/>
    <mergeCell ref="C12:I12"/>
    <mergeCell ref="J12:K12"/>
    <mergeCell ref="C13:G13"/>
    <mergeCell ref="C14:C15"/>
    <mergeCell ref="J14:S14"/>
    <mergeCell ref="D35:I35"/>
    <mergeCell ref="A35:C35"/>
    <mergeCell ref="J35:M35"/>
    <mergeCell ref="N35:S35"/>
    <mergeCell ref="A31:C31"/>
    <mergeCell ref="A32:C32"/>
    <mergeCell ref="D32:I32"/>
    <mergeCell ref="J32:M32"/>
    <mergeCell ref="N32:S32"/>
    <mergeCell ref="A33:B33"/>
    <mergeCell ref="D33:S33"/>
    <mergeCell ref="A34:C34"/>
    <mergeCell ref="D31:S31"/>
    <mergeCell ref="D34:S34"/>
    <mergeCell ref="R12:S12"/>
    <mergeCell ref="A30:B30"/>
    <mergeCell ref="D30:S30"/>
    <mergeCell ref="D16:S16"/>
    <mergeCell ref="A19:C19"/>
    <mergeCell ref="R17:S17"/>
    <mergeCell ref="P17:Q17"/>
    <mergeCell ref="N17:O17"/>
    <mergeCell ref="L17:M17"/>
    <mergeCell ref="J17:K17"/>
    <mergeCell ref="A17:I17"/>
    <mergeCell ref="J26:M26"/>
    <mergeCell ref="D26:I26"/>
    <mergeCell ref="A24:B24"/>
    <mergeCell ref="R13:S13"/>
    <mergeCell ref="A14:B16"/>
    <mergeCell ref="C4:J4"/>
    <mergeCell ref="D37:S37"/>
    <mergeCell ref="A29:C29"/>
    <mergeCell ref="D29:I29"/>
    <mergeCell ref="J29:M29"/>
    <mergeCell ref="N29:S29"/>
    <mergeCell ref="A18:C18"/>
    <mergeCell ref="D18:K18"/>
    <mergeCell ref="L18:M18"/>
    <mergeCell ref="N18:S18"/>
    <mergeCell ref="A21:I21"/>
    <mergeCell ref="J21:L21"/>
    <mergeCell ref="M21:S21"/>
    <mergeCell ref="L13:M13"/>
    <mergeCell ref="O12:P12"/>
    <mergeCell ref="O13:P13"/>
  </mergeCells>
  <phoneticPr fontId="1"/>
  <conditionalFormatting sqref="D24:S25 D26:I26">
    <cfRule type="cellIs" dxfId="0" priority="1" operator="equal">
      <formula>0</formula>
    </cfRule>
  </conditionalFormatting>
  <dataValidations count="5">
    <dataValidation type="list" allowBlank="1" showInputMessage="1" showErrorMessage="1" sqref="D18:K18" xr:uid="{00000000-0002-0000-0100-000000000000}">
      <formula1>"放送部,放送委員会,その他"</formula1>
    </dataValidation>
    <dataValidation type="list" allowBlank="1" showInputMessage="1" showErrorMessage="1" sqref="J21:L21" xr:uid="{00000000-0002-0000-0100-000001000000}">
      <formula1>"○,×"</formula1>
    </dataValidation>
    <dataValidation imeMode="off" allowBlank="1" showInputMessage="1" showErrorMessage="1" sqref="E14:F14 H14:I14 D37:S37 D38:I38 N38:S38 B20 N19:N20 D16:S16 F19:F20 J19:J20 R19:R20 D25:S25 D26:I26 N26:S26 D28:S28 D29:I29 N29:S29 D31:S31 D32:I32 N32:S32 D34:S34 D35:I35 N35:S35" xr:uid="{00000000-0002-0000-0100-000002000000}"/>
    <dataValidation imeMode="on" allowBlank="1" showInputMessage="1" showErrorMessage="1" sqref="D24:S24 D27:S27 D30:S30 D33:S33 D36:S36" xr:uid="{00000000-0002-0000-0100-000003000000}"/>
    <dataValidation imeMode="off" operator="greaterThanOrEqual" allowBlank="1" showInputMessage="1" showErrorMessage="1" sqref="L12:M13 O12:P13 R12:S13" xr:uid="{D5A0CE4A-870A-4589-8B9E-E48EE1550600}"/>
  </dataValidations>
  <printOptions horizontalCentered="1" verticalCentered="1"/>
  <pageMargins left="0.31496062992125984" right="0.31496062992125984" top="0.35433070866141736" bottom="0.35433070866141736" header="0.31496062992125984" footer="0.31496062992125984"/>
  <pageSetup paperSize="9" orientation="portrait" horizontalDpi="4294967293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100-000004000000}">
          <x14:formula1>
            <xm:f>学校番号!$G$2:$G$5</xm:f>
          </x14:formula1>
          <xm:sqref>A8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FFFF00"/>
  </sheetPr>
  <dimension ref="A1:G27"/>
  <sheetViews>
    <sheetView zoomScaleNormal="100" zoomScaleSheetLayoutView="100" workbookViewId="0">
      <selection activeCell="C9" sqref="C9:F9"/>
    </sheetView>
  </sheetViews>
  <sheetFormatPr defaultColWidth="9" defaultRowHeight="13.5" x14ac:dyDescent="0.15"/>
  <cols>
    <col min="1" max="1" width="7.25" style="48" customWidth="1"/>
    <col min="2" max="2" width="11.5" style="48" customWidth="1"/>
    <col min="3" max="3" width="4" style="48" customWidth="1"/>
    <col min="4" max="4" width="12.125" style="48" customWidth="1"/>
    <col min="5" max="5" width="7.875" style="48" customWidth="1"/>
    <col min="6" max="6" width="24.875" style="48" customWidth="1"/>
    <col min="7" max="16384" width="9" style="48"/>
  </cols>
  <sheetData>
    <row r="1" spans="1:7" ht="18.75" x14ac:dyDescent="0.15">
      <c r="A1" s="63" t="s">
        <v>710</v>
      </c>
    </row>
    <row r="3" spans="1:7" x14ac:dyDescent="0.15">
      <c r="A3" s="26" t="s">
        <v>675</v>
      </c>
    </row>
    <row r="4" spans="1:7" ht="30" customHeight="1" x14ac:dyDescent="0.15">
      <c r="A4" s="175" t="s">
        <v>733</v>
      </c>
      <c r="B4" s="175"/>
      <c r="C4" s="175"/>
      <c r="D4" s="175"/>
      <c r="E4" s="175"/>
      <c r="F4" s="175"/>
    </row>
    <row r="5" spans="1:7" ht="29.25" customHeight="1" x14ac:dyDescent="0.15">
      <c r="A5" s="61" t="s">
        <v>678</v>
      </c>
      <c r="B5" s="19" t="str">
        <f>IF(放送部登録票!A8="","",放送部登録票!A8)</f>
        <v/>
      </c>
      <c r="C5" s="20"/>
      <c r="D5"/>
      <c r="E5"/>
      <c r="F5"/>
    </row>
    <row r="6" spans="1:7" ht="29.25" customHeight="1" x14ac:dyDescent="0.15">
      <c r="A6" s="62" t="s">
        <v>679</v>
      </c>
      <c r="B6" s="19" t="str">
        <f>IF(放送部登録票!B8="","",放送部登録票!B8)</f>
        <v/>
      </c>
      <c r="C6" s="20"/>
      <c r="D6"/>
      <c r="E6"/>
      <c r="F6"/>
    </row>
    <row r="7" spans="1:7" ht="22.5" customHeight="1" x14ac:dyDescent="0.15">
      <c r="A7" s="176" t="s">
        <v>397</v>
      </c>
      <c r="B7" s="174"/>
      <c r="C7" s="188" t="str">
        <f>放送部登録票!C12</f>
        <v/>
      </c>
      <c r="D7" s="189"/>
      <c r="E7" s="189"/>
      <c r="F7" s="190"/>
    </row>
    <row r="8" spans="1:7" ht="22.5" customHeight="1" x14ac:dyDescent="0.15">
      <c r="A8" s="177" t="s">
        <v>398</v>
      </c>
      <c r="B8" s="178"/>
      <c r="C8" s="21" t="s">
        <v>401</v>
      </c>
      <c r="D8" s="191" t="str">
        <f>IF(放送部登録票!E14="","",放送部登録票!E14&amp;放送部登録票!G14&amp;放送部登録票!H14)</f>
        <v/>
      </c>
      <c r="E8" s="191"/>
      <c r="F8" s="192"/>
    </row>
    <row r="9" spans="1:7" ht="55.5" customHeight="1" x14ac:dyDescent="0.15">
      <c r="A9" s="179"/>
      <c r="B9" s="180"/>
      <c r="C9" s="193" t="str">
        <f>IF(放送部登録票!D15="","",放送部登録票!D15)</f>
        <v/>
      </c>
      <c r="D9" s="194"/>
      <c r="E9" s="194"/>
      <c r="F9" s="195"/>
    </row>
    <row r="10" spans="1:7" ht="22.5" customHeight="1" x14ac:dyDescent="0.15">
      <c r="A10" s="47" t="s">
        <v>680</v>
      </c>
      <c r="B10" s="174" t="str">
        <f>IF(放送部登録票!L12="","",放送部登録票!L12&amp;放送部登録票!N12&amp;放送部登録票!O12&amp;放送部登録票!Q12&amp;放送部登録票!R12)</f>
        <v/>
      </c>
      <c r="C10" s="174"/>
      <c r="D10" s="174"/>
      <c r="E10" s="18" t="s">
        <v>681</v>
      </c>
      <c r="F10" s="18" t="str">
        <f>IF(放送部登録票!L13="","",放送部登録票!L13&amp;放送部登録票!N13&amp;放送部登録票!O13&amp;放送部登録票!Q13&amp;放送部登録票!R13)</f>
        <v/>
      </c>
    </row>
    <row r="11" spans="1:7" ht="22.5" customHeight="1" x14ac:dyDescent="0.15">
      <c r="A11" s="174" t="s">
        <v>682</v>
      </c>
      <c r="B11" s="174"/>
      <c r="C11" s="196" t="str">
        <f>IF(放送部登録票!D16="","",放送部登録票!D16)</f>
        <v/>
      </c>
      <c r="D11" s="197"/>
      <c r="E11" s="197"/>
      <c r="F11" s="198"/>
    </row>
    <row r="12" spans="1:7" ht="38.25" customHeight="1" x14ac:dyDescent="0.15">
      <c r="A12" s="174" t="s">
        <v>683</v>
      </c>
      <c r="B12" s="174"/>
      <c r="C12" s="199" t="str">
        <f>IF(放送部登録票!C13="","",放送部登録票!C13)</f>
        <v/>
      </c>
      <c r="D12" s="200"/>
      <c r="E12" s="200"/>
      <c r="F12" s="201"/>
    </row>
    <row r="13" spans="1:7" ht="41.25" customHeight="1" x14ac:dyDescent="0.15">
      <c r="A13" s="174" t="s">
        <v>684</v>
      </c>
      <c r="B13" s="174"/>
      <c r="C13" s="202"/>
      <c r="D13" s="203"/>
      <c r="E13" s="203"/>
      <c r="F13" s="204"/>
      <c r="G13" s="48" t="s">
        <v>728</v>
      </c>
    </row>
    <row r="14" spans="1:7" ht="39" customHeight="1" x14ac:dyDescent="0.15">
      <c r="A14" s="181" t="s">
        <v>685</v>
      </c>
      <c r="B14" s="182"/>
      <c r="C14" s="202" t="str">
        <f>IF(放送部登録票!D24="","",放送部登録票!D24)</f>
        <v/>
      </c>
      <c r="D14" s="203"/>
      <c r="E14" s="203"/>
      <c r="F14" s="204"/>
      <c r="G14" s="48" t="s">
        <v>729</v>
      </c>
    </row>
    <row r="15" spans="1:7" x14ac:dyDescent="0.15">
      <c r="A15" s="22" t="s">
        <v>686</v>
      </c>
      <c r="B15" s="183" t="s">
        <v>687</v>
      </c>
      <c r="C15" s="183"/>
      <c r="D15" s="183"/>
      <c r="E15" s="18" t="s">
        <v>688</v>
      </c>
      <c r="F15" s="18" t="s">
        <v>689</v>
      </c>
    </row>
    <row r="16" spans="1:7" ht="22.5" customHeight="1" x14ac:dyDescent="0.15">
      <c r="A16" s="49">
        <v>1</v>
      </c>
      <c r="B16" s="184"/>
      <c r="C16" s="185"/>
      <c r="D16" s="186"/>
      <c r="E16" s="50"/>
      <c r="F16" s="51"/>
      <c r="G16" s="48" t="s">
        <v>701</v>
      </c>
    </row>
    <row r="17" spans="1:6" ht="22.5" customHeight="1" x14ac:dyDescent="0.15">
      <c r="A17" s="49">
        <v>2</v>
      </c>
      <c r="B17" s="184"/>
      <c r="C17" s="185"/>
      <c r="D17" s="186"/>
      <c r="E17" s="50"/>
      <c r="F17" s="51"/>
    </row>
    <row r="18" spans="1:6" ht="22.5" customHeight="1" x14ac:dyDescent="0.15">
      <c r="A18" s="49">
        <v>3</v>
      </c>
      <c r="B18" s="187"/>
      <c r="C18" s="187"/>
      <c r="D18" s="187"/>
      <c r="E18" s="52"/>
      <c r="F18" s="52"/>
    </row>
    <row r="19" spans="1:6" ht="22.5" customHeight="1" x14ac:dyDescent="0.15">
      <c r="A19" s="49">
        <v>4</v>
      </c>
      <c r="B19" s="187"/>
      <c r="C19" s="187"/>
      <c r="D19" s="187"/>
      <c r="E19" s="52"/>
      <c r="F19" s="52"/>
    </row>
    <row r="20" spans="1:6" ht="22.5" customHeight="1" x14ac:dyDescent="0.15">
      <c r="A20" s="49">
        <v>5</v>
      </c>
      <c r="B20" s="187"/>
      <c r="C20" s="187"/>
      <c r="D20" s="187"/>
      <c r="E20" s="52"/>
      <c r="F20" s="52"/>
    </row>
    <row r="21" spans="1:6" ht="22.5" customHeight="1" x14ac:dyDescent="0.15">
      <c r="A21" s="49">
        <v>6</v>
      </c>
      <c r="B21" s="187"/>
      <c r="C21" s="187"/>
      <c r="D21" s="187"/>
      <c r="E21" s="52"/>
      <c r="F21" s="52"/>
    </row>
    <row r="22" spans="1:6" ht="22.5" customHeight="1" x14ac:dyDescent="0.15">
      <c r="A22" s="49">
        <v>7</v>
      </c>
      <c r="B22" s="187"/>
      <c r="C22" s="187"/>
      <c r="D22" s="187"/>
      <c r="E22" s="52"/>
      <c r="F22" s="52"/>
    </row>
    <row r="23" spans="1:6" ht="22.5" customHeight="1" x14ac:dyDescent="0.15">
      <c r="A23" s="49">
        <v>8</v>
      </c>
      <c r="B23" s="187"/>
      <c r="C23" s="187"/>
      <c r="D23" s="187"/>
      <c r="E23" s="52"/>
      <c r="F23" s="52"/>
    </row>
    <row r="24" spans="1:6" ht="22.5" customHeight="1" x14ac:dyDescent="0.15">
      <c r="A24" s="49">
        <v>9</v>
      </c>
      <c r="B24" s="187"/>
      <c r="C24" s="187"/>
      <c r="D24" s="187"/>
      <c r="E24" s="52"/>
      <c r="F24" s="52"/>
    </row>
    <row r="25" spans="1:6" ht="22.5" customHeight="1" x14ac:dyDescent="0.15">
      <c r="A25" s="49">
        <v>10</v>
      </c>
      <c r="B25" s="187"/>
      <c r="C25" s="187"/>
      <c r="D25" s="187"/>
      <c r="E25" s="52"/>
      <c r="F25" s="52"/>
    </row>
    <row r="26" spans="1:6" ht="22.5" customHeight="1" x14ac:dyDescent="0.15">
      <c r="A26" s="49">
        <v>11</v>
      </c>
      <c r="B26" s="187"/>
      <c r="C26" s="187"/>
      <c r="D26" s="187"/>
      <c r="E26" s="52"/>
      <c r="F26" s="52"/>
    </row>
    <row r="27" spans="1:6" ht="22.5" customHeight="1" x14ac:dyDescent="0.15">
      <c r="A27" s="49">
        <v>12</v>
      </c>
      <c r="B27" s="187"/>
      <c r="C27" s="187"/>
      <c r="D27" s="187"/>
      <c r="E27" s="52"/>
      <c r="F27" s="52"/>
    </row>
  </sheetData>
  <mergeCells count="28">
    <mergeCell ref="B25:D25"/>
    <mergeCell ref="B26:D26"/>
    <mergeCell ref="B27:D27"/>
    <mergeCell ref="C7:F7"/>
    <mergeCell ref="D8:F8"/>
    <mergeCell ref="C9:F9"/>
    <mergeCell ref="C11:F11"/>
    <mergeCell ref="C12:F12"/>
    <mergeCell ref="C13:F13"/>
    <mergeCell ref="C14:F14"/>
    <mergeCell ref="B19:D19"/>
    <mergeCell ref="B20:D20"/>
    <mergeCell ref="B21:D21"/>
    <mergeCell ref="B22:D22"/>
    <mergeCell ref="B23:D23"/>
    <mergeCell ref="B24:D24"/>
    <mergeCell ref="A14:B14"/>
    <mergeCell ref="B15:D15"/>
    <mergeCell ref="B16:D16"/>
    <mergeCell ref="B17:D17"/>
    <mergeCell ref="B18:D18"/>
    <mergeCell ref="B10:D10"/>
    <mergeCell ref="A11:B11"/>
    <mergeCell ref="A12:B12"/>
    <mergeCell ref="A13:B13"/>
    <mergeCell ref="A4:F4"/>
    <mergeCell ref="A7:B7"/>
    <mergeCell ref="A8:B9"/>
  </mergeCells>
  <phoneticPr fontId="1"/>
  <pageMargins left="0.70866141732283472" right="0.70866141732283472" top="0.74803149606299213" bottom="0.55118110236220474" header="0.31496062992125984" footer="0.31496062992125984"/>
  <pageSetup paperSize="9" scale="123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0070C0"/>
  </sheetPr>
  <dimension ref="A1:H259"/>
  <sheetViews>
    <sheetView topLeftCell="B221" workbookViewId="0">
      <selection activeCell="F238" sqref="F238"/>
    </sheetView>
  </sheetViews>
  <sheetFormatPr defaultRowHeight="13.5" x14ac:dyDescent="0.15"/>
  <cols>
    <col min="1" max="1" width="5.125" style="4" hidden="1" customWidth="1"/>
    <col min="2" max="2" width="4.75" style="4" customWidth="1"/>
    <col min="3" max="3" width="13.125" style="4" customWidth="1"/>
    <col min="4" max="5" width="22.625" style="4" customWidth="1"/>
    <col min="6" max="6" width="29" style="4" customWidth="1"/>
    <col min="7" max="7" width="9" style="4"/>
    <col min="8" max="8" width="11.125" style="4" customWidth="1"/>
    <col min="9" max="248" width="9" style="4"/>
    <col min="249" max="249" width="0" style="4" hidden="1" customWidth="1"/>
    <col min="250" max="250" width="4.75" style="4" customWidth="1"/>
    <col min="251" max="251" width="13.125" style="4" customWidth="1"/>
    <col min="252" max="252" width="22.625" style="4" customWidth="1"/>
    <col min="253" max="253" width="16.25" style="4" customWidth="1"/>
    <col min="254" max="254" width="3" style="4" customWidth="1"/>
    <col min="255" max="504" width="9" style="4"/>
    <col min="505" max="505" width="0" style="4" hidden="1" customWidth="1"/>
    <col min="506" max="506" width="4.75" style="4" customWidth="1"/>
    <col min="507" max="507" width="13.125" style="4" customWidth="1"/>
    <col min="508" max="508" width="22.625" style="4" customWidth="1"/>
    <col min="509" max="509" width="16.25" style="4" customWidth="1"/>
    <col min="510" max="510" width="3" style="4" customWidth="1"/>
    <col min="511" max="760" width="9" style="4"/>
    <col min="761" max="761" width="0" style="4" hidden="1" customWidth="1"/>
    <col min="762" max="762" width="4.75" style="4" customWidth="1"/>
    <col min="763" max="763" width="13.125" style="4" customWidth="1"/>
    <col min="764" max="764" width="22.625" style="4" customWidth="1"/>
    <col min="765" max="765" width="16.25" style="4" customWidth="1"/>
    <col min="766" max="766" width="3" style="4" customWidth="1"/>
    <col min="767" max="1016" width="9" style="4"/>
    <col min="1017" max="1017" width="0" style="4" hidden="1" customWidth="1"/>
    <col min="1018" max="1018" width="4.75" style="4" customWidth="1"/>
    <col min="1019" max="1019" width="13.125" style="4" customWidth="1"/>
    <col min="1020" max="1020" width="22.625" style="4" customWidth="1"/>
    <col min="1021" max="1021" width="16.25" style="4" customWidth="1"/>
    <col min="1022" max="1022" width="3" style="4" customWidth="1"/>
    <col min="1023" max="1272" width="9" style="4"/>
    <col min="1273" max="1273" width="0" style="4" hidden="1" customWidth="1"/>
    <col min="1274" max="1274" width="4.75" style="4" customWidth="1"/>
    <col min="1275" max="1275" width="13.125" style="4" customWidth="1"/>
    <col min="1276" max="1276" width="22.625" style="4" customWidth="1"/>
    <col min="1277" max="1277" width="16.25" style="4" customWidth="1"/>
    <col min="1278" max="1278" width="3" style="4" customWidth="1"/>
    <col min="1279" max="1528" width="9" style="4"/>
    <col min="1529" max="1529" width="0" style="4" hidden="1" customWidth="1"/>
    <col min="1530" max="1530" width="4.75" style="4" customWidth="1"/>
    <col min="1531" max="1531" width="13.125" style="4" customWidth="1"/>
    <col min="1532" max="1532" width="22.625" style="4" customWidth="1"/>
    <col min="1533" max="1533" width="16.25" style="4" customWidth="1"/>
    <col min="1534" max="1534" width="3" style="4" customWidth="1"/>
    <col min="1535" max="1784" width="9" style="4"/>
    <col min="1785" max="1785" width="0" style="4" hidden="1" customWidth="1"/>
    <col min="1786" max="1786" width="4.75" style="4" customWidth="1"/>
    <col min="1787" max="1787" width="13.125" style="4" customWidth="1"/>
    <col min="1788" max="1788" width="22.625" style="4" customWidth="1"/>
    <col min="1789" max="1789" width="16.25" style="4" customWidth="1"/>
    <col min="1790" max="1790" width="3" style="4" customWidth="1"/>
    <col min="1791" max="2040" width="9" style="4"/>
    <col min="2041" max="2041" width="0" style="4" hidden="1" customWidth="1"/>
    <col min="2042" max="2042" width="4.75" style="4" customWidth="1"/>
    <col min="2043" max="2043" width="13.125" style="4" customWidth="1"/>
    <col min="2044" max="2044" width="22.625" style="4" customWidth="1"/>
    <col min="2045" max="2045" width="16.25" style="4" customWidth="1"/>
    <col min="2046" max="2046" width="3" style="4" customWidth="1"/>
    <col min="2047" max="2296" width="9" style="4"/>
    <col min="2297" max="2297" width="0" style="4" hidden="1" customWidth="1"/>
    <col min="2298" max="2298" width="4.75" style="4" customWidth="1"/>
    <col min="2299" max="2299" width="13.125" style="4" customWidth="1"/>
    <col min="2300" max="2300" width="22.625" style="4" customWidth="1"/>
    <col min="2301" max="2301" width="16.25" style="4" customWidth="1"/>
    <col min="2302" max="2302" width="3" style="4" customWidth="1"/>
    <col min="2303" max="2552" width="9" style="4"/>
    <col min="2553" max="2553" width="0" style="4" hidden="1" customWidth="1"/>
    <col min="2554" max="2554" width="4.75" style="4" customWidth="1"/>
    <col min="2555" max="2555" width="13.125" style="4" customWidth="1"/>
    <col min="2556" max="2556" width="22.625" style="4" customWidth="1"/>
    <col min="2557" max="2557" width="16.25" style="4" customWidth="1"/>
    <col min="2558" max="2558" width="3" style="4" customWidth="1"/>
    <col min="2559" max="2808" width="9" style="4"/>
    <col min="2809" max="2809" width="0" style="4" hidden="1" customWidth="1"/>
    <col min="2810" max="2810" width="4.75" style="4" customWidth="1"/>
    <col min="2811" max="2811" width="13.125" style="4" customWidth="1"/>
    <col min="2812" max="2812" width="22.625" style="4" customWidth="1"/>
    <col min="2813" max="2813" width="16.25" style="4" customWidth="1"/>
    <col min="2814" max="2814" width="3" style="4" customWidth="1"/>
    <col min="2815" max="3064" width="9" style="4"/>
    <col min="3065" max="3065" width="0" style="4" hidden="1" customWidth="1"/>
    <col min="3066" max="3066" width="4.75" style="4" customWidth="1"/>
    <col min="3067" max="3067" width="13.125" style="4" customWidth="1"/>
    <col min="3068" max="3068" width="22.625" style="4" customWidth="1"/>
    <col min="3069" max="3069" width="16.25" style="4" customWidth="1"/>
    <col min="3070" max="3070" width="3" style="4" customWidth="1"/>
    <col min="3071" max="3320" width="9" style="4"/>
    <col min="3321" max="3321" width="0" style="4" hidden="1" customWidth="1"/>
    <col min="3322" max="3322" width="4.75" style="4" customWidth="1"/>
    <col min="3323" max="3323" width="13.125" style="4" customWidth="1"/>
    <col min="3324" max="3324" width="22.625" style="4" customWidth="1"/>
    <col min="3325" max="3325" width="16.25" style="4" customWidth="1"/>
    <col min="3326" max="3326" width="3" style="4" customWidth="1"/>
    <col min="3327" max="3576" width="9" style="4"/>
    <col min="3577" max="3577" width="0" style="4" hidden="1" customWidth="1"/>
    <col min="3578" max="3578" width="4.75" style="4" customWidth="1"/>
    <col min="3579" max="3579" width="13.125" style="4" customWidth="1"/>
    <col min="3580" max="3580" width="22.625" style="4" customWidth="1"/>
    <col min="3581" max="3581" width="16.25" style="4" customWidth="1"/>
    <col min="3582" max="3582" width="3" style="4" customWidth="1"/>
    <col min="3583" max="3832" width="9" style="4"/>
    <col min="3833" max="3833" width="0" style="4" hidden="1" customWidth="1"/>
    <col min="3834" max="3834" width="4.75" style="4" customWidth="1"/>
    <col min="3835" max="3835" width="13.125" style="4" customWidth="1"/>
    <col min="3836" max="3836" width="22.625" style="4" customWidth="1"/>
    <col min="3837" max="3837" width="16.25" style="4" customWidth="1"/>
    <col min="3838" max="3838" width="3" style="4" customWidth="1"/>
    <col min="3839" max="4088" width="9" style="4"/>
    <col min="4089" max="4089" width="0" style="4" hidden="1" customWidth="1"/>
    <col min="4090" max="4090" width="4.75" style="4" customWidth="1"/>
    <col min="4091" max="4091" width="13.125" style="4" customWidth="1"/>
    <col min="4092" max="4092" width="22.625" style="4" customWidth="1"/>
    <col min="4093" max="4093" width="16.25" style="4" customWidth="1"/>
    <col min="4094" max="4094" width="3" style="4" customWidth="1"/>
    <col min="4095" max="4344" width="9" style="4"/>
    <col min="4345" max="4345" width="0" style="4" hidden="1" customWidth="1"/>
    <col min="4346" max="4346" width="4.75" style="4" customWidth="1"/>
    <col min="4347" max="4347" width="13.125" style="4" customWidth="1"/>
    <col min="4348" max="4348" width="22.625" style="4" customWidth="1"/>
    <col min="4349" max="4349" width="16.25" style="4" customWidth="1"/>
    <col min="4350" max="4350" width="3" style="4" customWidth="1"/>
    <col min="4351" max="4600" width="9" style="4"/>
    <col min="4601" max="4601" width="0" style="4" hidden="1" customWidth="1"/>
    <col min="4602" max="4602" width="4.75" style="4" customWidth="1"/>
    <col min="4603" max="4603" width="13.125" style="4" customWidth="1"/>
    <col min="4604" max="4604" width="22.625" style="4" customWidth="1"/>
    <col min="4605" max="4605" width="16.25" style="4" customWidth="1"/>
    <col min="4606" max="4606" width="3" style="4" customWidth="1"/>
    <col min="4607" max="4856" width="9" style="4"/>
    <col min="4857" max="4857" width="0" style="4" hidden="1" customWidth="1"/>
    <col min="4858" max="4858" width="4.75" style="4" customWidth="1"/>
    <col min="4859" max="4859" width="13.125" style="4" customWidth="1"/>
    <col min="4860" max="4860" width="22.625" style="4" customWidth="1"/>
    <col min="4861" max="4861" width="16.25" style="4" customWidth="1"/>
    <col min="4862" max="4862" width="3" style="4" customWidth="1"/>
    <col min="4863" max="5112" width="9" style="4"/>
    <col min="5113" max="5113" width="0" style="4" hidden="1" customWidth="1"/>
    <col min="5114" max="5114" width="4.75" style="4" customWidth="1"/>
    <col min="5115" max="5115" width="13.125" style="4" customWidth="1"/>
    <col min="5116" max="5116" width="22.625" style="4" customWidth="1"/>
    <col min="5117" max="5117" width="16.25" style="4" customWidth="1"/>
    <col min="5118" max="5118" width="3" style="4" customWidth="1"/>
    <col min="5119" max="5368" width="9" style="4"/>
    <col min="5369" max="5369" width="0" style="4" hidden="1" customWidth="1"/>
    <col min="5370" max="5370" width="4.75" style="4" customWidth="1"/>
    <col min="5371" max="5371" width="13.125" style="4" customWidth="1"/>
    <col min="5372" max="5372" width="22.625" style="4" customWidth="1"/>
    <col min="5373" max="5373" width="16.25" style="4" customWidth="1"/>
    <col min="5374" max="5374" width="3" style="4" customWidth="1"/>
    <col min="5375" max="5624" width="9" style="4"/>
    <col min="5625" max="5625" width="0" style="4" hidden="1" customWidth="1"/>
    <col min="5626" max="5626" width="4.75" style="4" customWidth="1"/>
    <col min="5627" max="5627" width="13.125" style="4" customWidth="1"/>
    <col min="5628" max="5628" width="22.625" style="4" customWidth="1"/>
    <col min="5629" max="5629" width="16.25" style="4" customWidth="1"/>
    <col min="5630" max="5630" width="3" style="4" customWidth="1"/>
    <col min="5631" max="5880" width="9" style="4"/>
    <col min="5881" max="5881" width="0" style="4" hidden="1" customWidth="1"/>
    <col min="5882" max="5882" width="4.75" style="4" customWidth="1"/>
    <col min="5883" max="5883" width="13.125" style="4" customWidth="1"/>
    <col min="5884" max="5884" width="22.625" style="4" customWidth="1"/>
    <col min="5885" max="5885" width="16.25" style="4" customWidth="1"/>
    <col min="5886" max="5886" width="3" style="4" customWidth="1"/>
    <col min="5887" max="6136" width="9" style="4"/>
    <col min="6137" max="6137" width="0" style="4" hidden="1" customWidth="1"/>
    <col min="6138" max="6138" width="4.75" style="4" customWidth="1"/>
    <col min="6139" max="6139" width="13.125" style="4" customWidth="1"/>
    <col min="6140" max="6140" width="22.625" style="4" customWidth="1"/>
    <col min="6141" max="6141" width="16.25" style="4" customWidth="1"/>
    <col min="6142" max="6142" width="3" style="4" customWidth="1"/>
    <col min="6143" max="6392" width="9" style="4"/>
    <col min="6393" max="6393" width="0" style="4" hidden="1" customWidth="1"/>
    <col min="6394" max="6394" width="4.75" style="4" customWidth="1"/>
    <col min="6395" max="6395" width="13.125" style="4" customWidth="1"/>
    <col min="6396" max="6396" width="22.625" style="4" customWidth="1"/>
    <col min="6397" max="6397" width="16.25" style="4" customWidth="1"/>
    <col min="6398" max="6398" width="3" style="4" customWidth="1"/>
    <col min="6399" max="6648" width="9" style="4"/>
    <col min="6649" max="6649" width="0" style="4" hidden="1" customWidth="1"/>
    <col min="6650" max="6650" width="4.75" style="4" customWidth="1"/>
    <col min="6651" max="6651" width="13.125" style="4" customWidth="1"/>
    <col min="6652" max="6652" width="22.625" style="4" customWidth="1"/>
    <col min="6653" max="6653" width="16.25" style="4" customWidth="1"/>
    <col min="6654" max="6654" width="3" style="4" customWidth="1"/>
    <col min="6655" max="6904" width="9" style="4"/>
    <col min="6905" max="6905" width="0" style="4" hidden="1" customWidth="1"/>
    <col min="6906" max="6906" width="4.75" style="4" customWidth="1"/>
    <col min="6907" max="6907" width="13.125" style="4" customWidth="1"/>
    <col min="6908" max="6908" width="22.625" style="4" customWidth="1"/>
    <col min="6909" max="6909" width="16.25" style="4" customWidth="1"/>
    <col min="6910" max="6910" width="3" style="4" customWidth="1"/>
    <col min="6911" max="7160" width="9" style="4"/>
    <col min="7161" max="7161" width="0" style="4" hidden="1" customWidth="1"/>
    <col min="7162" max="7162" width="4.75" style="4" customWidth="1"/>
    <col min="7163" max="7163" width="13.125" style="4" customWidth="1"/>
    <col min="7164" max="7164" width="22.625" style="4" customWidth="1"/>
    <col min="7165" max="7165" width="16.25" style="4" customWidth="1"/>
    <col min="7166" max="7166" width="3" style="4" customWidth="1"/>
    <col min="7167" max="7416" width="9" style="4"/>
    <col min="7417" max="7417" width="0" style="4" hidden="1" customWidth="1"/>
    <col min="7418" max="7418" width="4.75" style="4" customWidth="1"/>
    <col min="7419" max="7419" width="13.125" style="4" customWidth="1"/>
    <col min="7420" max="7420" width="22.625" style="4" customWidth="1"/>
    <col min="7421" max="7421" width="16.25" style="4" customWidth="1"/>
    <col min="7422" max="7422" width="3" style="4" customWidth="1"/>
    <col min="7423" max="7672" width="9" style="4"/>
    <col min="7673" max="7673" width="0" style="4" hidden="1" customWidth="1"/>
    <col min="7674" max="7674" width="4.75" style="4" customWidth="1"/>
    <col min="7675" max="7675" width="13.125" style="4" customWidth="1"/>
    <col min="7676" max="7676" width="22.625" style="4" customWidth="1"/>
    <col min="7677" max="7677" width="16.25" style="4" customWidth="1"/>
    <col min="7678" max="7678" width="3" style="4" customWidth="1"/>
    <col min="7679" max="7928" width="9" style="4"/>
    <col min="7929" max="7929" width="0" style="4" hidden="1" customWidth="1"/>
    <col min="7930" max="7930" width="4.75" style="4" customWidth="1"/>
    <col min="7931" max="7931" width="13.125" style="4" customWidth="1"/>
    <col min="7932" max="7932" width="22.625" style="4" customWidth="1"/>
    <col min="7933" max="7933" width="16.25" style="4" customWidth="1"/>
    <col min="7934" max="7934" width="3" style="4" customWidth="1"/>
    <col min="7935" max="8184" width="9" style="4"/>
    <col min="8185" max="8185" width="0" style="4" hidden="1" customWidth="1"/>
    <col min="8186" max="8186" width="4.75" style="4" customWidth="1"/>
    <col min="8187" max="8187" width="13.125" style="4" customWidth="1"/>
    <col min="8188" max="8188" width="22.625" style="4" customWidth="1"/>
    <col min="8189" max="8189" width="16.25" style="4" customWidth="1"/>
    <col min="8190" max="8190" width="3" style="4" customWidth="1"/>
    <col min="8191" max="8440" width="9" style="4"/>
    <col min="8441" max="8441" width="0" style="4" hidden="1" customWidth="1"/>
    <col min="8442" max="8442" width="4.75" style="4" customWidth="1"/>
    <col min="8443" max="8443" width="13.125" style="4" customWidth="1"/>
    <col min="8444" max="8444" width="22.625" style="4" customWidth="1"/>
    <col min="8445" max="8445" width="16.25" style="4" customWidth="1"/>
    <col min="8446" max="8446" width="3" style="4" customWidth="1"/>
    <col min="8447" max="8696" width="9" style="4"/>
    <col min="8697" max="8697" width="0" style="4" hidden="1" customWidth="1"/>
    <col min="8698" max="8698" width="4.75" style="4" customWidth="1"/>
    <col min="8699" max="8699" width="13.125" style="4" customWidth="1"/>
    <col min="8700" max="8700" width="22.625" style="4" customWidth="1"/>
    <col min="8701" max="8701" width="16.25" style="4" customWidth="1"/>
    <col min="8702" max="8702" width="3" style="4" customWidth="1"/>
    <col min="8703" max="8952" width="9" style="4"/>
    <col min="8953" max="8953" width="0" style="4" hidden="1" customWidth="1"/>
    <col min="8954" max="8954" width="4.75" style="4" customWidth="1"/>
    <col min="8955" max="8955" width="13.125" style="4" customWidth="1"/>
    <col min="8956" max="8956" width="22.625" style="4" customWidth="1"/>
    <col min="8957" max="8957" width="16.25" style="4" customWidth="1"/>
    <col min="8958" max="8958" width="3" style="4" customWidth="1"/>
    <col min="8959" max="9208" width="9" style="4"/>
    <col min="9209" max="9209" width="0" style="4" hidden="1" customWidth="1"/>
    <col min="9210" max="9210" width="4.75" style="4" customWidth="1"/>
    <col min="9211" max="9211" width="13.125" style="4" customWidth="1"/>
    <col min="9212" max="9212" width="22.625" style="4" customWidth="1"/>
    <col min="9213" max="9213" width="16.25" style="4" customWidth="1"/>
    <col min="9214" max="9214" width="3" style="4" customWidth="1"/>
    <col min="9215" max="9464" width="9" style="4"/>
    <col min="9465" max="9465" width="0" style="4" hidden="1" customWidth="1"/>
    <col min="9466" max="9466" width="4.75" style="4" customWidth="1"/>
    <col min="9467" max="9467" width="13.125" style="4" customWidth="1"/>
    <col min="9468" max="9468" width="22.625" style="4" customWidth="1"/>
    <col min="9469" max="9469" width="16.25" style="4" customWidth="1"/>
    <col min="9470" max="9470" width="3" style="4" customWidth="1"/>
    <col min="9471" max="9720" width="9" style="4"/>
    <col min="9721" max="9721" width="0" style="4" hidden="1" customWidth="1"/>
    <col min="9722" max="9722" width="4.75" style="4" customWidth="1"/>
    <col min="9723" max="9723" width="13.125" style="4" customWidth="1"/>
    <col min="9724" max="9724" width="22.625" style="4" customWidth="1"/>
    <col min="9725" max="9725" width="16.25" style="4" customWidth="1"/>
    <col min="9726" max="9726" width="3" style="4" customWidth="1"/>
    <col min="9727" max="9976" width="9" style="4"/>
    <col min="9977" max="9977" width="0" style="4" hidden="1" customWidth="1"/>
    <col min="9978" max="9978" width="4.75" style="4" customWidth="1"/>
    <col min="9979" max="9979" width="13.125" style="4" customWidth="1"/>
    <col min="9980" max="9980" width="22.625" style="4" customWidth="1"/>
    <col min="9981" max="9981" width="16.25" style="4" customWidth="1"/>
    <col min="9982" max="9982" width="3" style="4" customWidth="1"/>
    <col min="9983" max="10232" width="9" style="4"/>
    <col min="10233" max="10233" width="0" style="4" hidden="1" customWidth="1"/>
    <col min="10234" max="10234" width="4.75" style="4" customWidth="1"/>
    <col min="10235" max="10235" width="13.125" style="4" customWidth="1"/>
    <col min="10236" max="10236" width="22.625" style="4" customWidth="1"/>
    <col min="10237" max="10237" width="16.25" style="4" customWidth="1"/>
    <col min="10238" max="10238" width="3" style="4" customWidth="1"/>
    <col min="10239" max="10488" width="9" style="4"/>
    <col min="10489" max="10489" width="0" style="4" hidden="1" customWidth="1"/>
    <col min="10490" max="10490" width="4.75" style="4" customWidth="1"/>
    <col min="10491" max="10491" width="13.125" style="4" customWidth="1"/>
    <col min="10492" max="10492" width="22.625" style="4" customWidth="1"/>
    <col min="10493" max="10493" width="16.25" style="4" customWidth="1"/>
    <col min="10494" max="10494" width="3" style="4" customWidth="1"/>
    <col min="10495" max="10744" width="9" style="4"/>
    <col min="10745" max="10745" width="0" style="4" hidden="1" customWidth="1"/>
    <col min="10746" max="10746" width="4.75" style="4" customWidth="1"/>
    <col min="10747" max="10747" width="13.125" style="4" customWidth="1"/>
    <col min="10748" max="10748" width="22.625" style="4" customWidth="1"/>
    <col min="10749" max="10749" width="16.25" style="4" customWidth="1"/>
    <col min="10750" max="10750" width="3" style="4" customWidth="1"/>
    <col min="10751" max="11000" width="9" style="4"/>
    <col min="11001" max="11001" width="0" style="4" hidden="1" customWidth="1"/>
    <col min="11002" max="11002" width="4.75" style="4" customWidth="1"/>
    <col min="11003" max="11003" width="13.125" style="4" customWidth="1"/>
    <col min="11004" max="11004" width="22.625" style="4" customWidth="1"/>
    <col min="11005" max="11005" width="16.25" style="4" customWidth="1"/>
    <col min="11006" max="11006" width="3" style="4" customWidth="1"/>
    <col min="11007" max="11256" width="9" style="4"/>
    <col min="11257" max="11257" width="0" style="4" hidden="1" customWidth="1"/>
    <col min="11258" max="11258" width="4.75" style="4" customWidth="1"/>
    <col min="11259" max="11259" width="13.125" style="4" customWidth="1"/>
    <col min="11260" max="11260" width="22.625" style="4" customWidth="1"/>
    <col min="11261" max="11261" width="16.25" style="4" customWidth="1"/>
    <col min="11262" max="11262" width="3" style="4" customWidth="1"/>
    <col min="11263" max="11512" width="9" style="4"/>
    <col min="11513" max="11513" width="0" style="4" hidden="1" customWidth="1"/>
    <col min="11514" max="11514" width="4.75" style="4" customWidth="1"/>
    <col min="11515" max="11515" width="13.125" style="4" customWidth="1"/>
    <col min="11516" max="11516" width="22.625" style="4" customWidth="1"/>
    <col min="11517" max="11517" width="16.25" style="4" customWidth="1"/>
    <col min="11518" max="11518" width="3" style="4" customWidth="1"/>
    <col min="11519" max="11768" width="9" style="4"/>
    <col min="11769" max="11769" width="0" style="4" hidden="1" customWidth="1"/>
    <col min="11770" max="11770" width="4.75" style="4" customWidth="1"/>
    <col min="11771" max="11771" width="13.125" style="4" customWidth="1"/>
    <col min="11772" max="11772" width="22.625" style="4" customWidth="1"/>
    <col min="11773" max="11773" width="16.25" style="4" customWidth="1"/>
    <col min="11774" max="11774" width="3" style="4" customWidth="1"/>
    <col min="11775" max="12024" width="9" style="4"/>
    <col min="12025" max="12025" width="0" style="4" hidden="1" customWidth="1"/>
    <col min="12026" max="12026" width="4.75" style="4" customWidth="1"/>
    <col min="12027" max="12027" width="13.125" style="4" customWidth="1"/>
    <col min="12028" max="12028" width="22.625" style="4" customWidth="1"/>
    <col min="12029" max="12029" width="16.25" style="4" customWidth="1"/>
    <col min="12030" max="12030" width="3" style="4" customWidth="1"/>
    <col min="12031" max="12280" width="9" style="4"/>
    <col min="12281" max="12281" width="0" style="4" hidden="1" customWidth="1"/>
    <col min="12282" max="12282" width="4.75" style="4" customWidth="1"/>
    <col min="12283" max="12283" width="13.125" style="4" customWidth="1"/>
    <col min="12284" max="12284" width="22.625" style="4" customWidth="1"/>
    <col min="12285" max="12285" width="16.25" style="4" customWidth="1"/>
    <col min="12286" max="12286" width="3" style="4" customWidth="1"/>
    <col min="12287" max="12536" width="9" style="4"/>
    <col min="12537" max="12537" width="0" style="4" hidden="1" customWidth="1"/>
    <col min="12538" max="12538" width="4.75" style="4" customWidth="1"/>
    <col min="12539" max="12539" width="13.125" style="4" customWidth="1"/>
    <col min="12540" max="12540" width="22.625" style="4" customWidth="1"/>
    <col min="12541" max="12541" width="16.25" style="4" customWidth="1"/>
    <col min="12542" max="12542" width="3" style="4" customWidth="1"/>
    <col min="12543" max="12792" width="9" style="4"/>
    <col min="12793" max="12793" width="0" style="4" hidden="1" customWidth="1"/>
    <col min="12794" max="12794" width="4.75" style="4" customWidth="1"/>
    <col min="12795" max="12795" width="13.125" style="4" customWidth="1"/>
    <col min="12796" max="12796" width="22.625" style="4" customWidth="1"/>
    <col min="12797" max="12797" width="16.25" style="4" customWidth="1"/>
    <col min="12798" max="12798" width="3" style="4" customWidth="1"/>
    <col min="12799" max="13048" width="9" style="4"/>
    <col min="13049" max="13049" width="0" style="4" hidden="1" customWidth="1"/>
    <col min="13050" max="13050" width="4.75" style="4" customWidth="1"/>
    <col min="13051" max="13051" width="13.125" style="4" customWidth="1"/>
    <col min="13052" max="13052" width="22.625" style="4" customWidth="1"/>
    <col min="13053" max="13053" width="16.25" style="4" customWidth="1"/>
    <col min="13054" max="13054" width="3" style="4" customWidth="1"/>
    <col min="13055" max="13304" width="9" style="4"/>
    <col min="13305" max="13305" width="0" style="4" hidden="1" customWidth="1"/>
    <col min="13306" max="13306" width="4.75" style="4" customWidth="1"/>
    <col min="13307" max="13307" width="13.125" style="4" customWidth="1"/>
    <col min="13308" max="13308" width="22.625" style="4" customWidth="1"/>
    <col min="13309" max="13309" width="16.25" style="4" customWidth="1"/>
    <col min="13310" max="13310" width="3" style="4" customWidth="1"/>
    <col min="13311" max="13560" width="9" style="4"/>
    <col min="13561" max="13561" width="0" style="4" hidden="1" customWidth="1"/>
    <col min="13562" max="13562" width="4.75" style="4" customWidth="1"/>
    <col min="13563" max="13563" width="13.125" style="4" customWidth="1"/>
    <col min="13564" max="13564" width="22.625" style="4" customWidth="1"/>
    <col min="13565" max="13565" width="16.25" style="4" customWidth="1"/>
    <col min="13566" max="13566" width="3" style="4" customWidth="1"/>
    <col min="13567" max="13816" width="9" style="4"/>
    <col min="13817" max="13817" width="0" style="4" hidden="1" customWidth="1"/>
    <col min="13818" max="13818" width="4.75" style="4" customWidth="1"/>
    <col min="13819" max="13819" width="13.125" style="4" customWidth="1"/>
    <col min="13820" max="13820" width="22.625" style="4" customWidth="1"/>
    <col min="13821" max="13821" width="16.25" style="4" customWidth="1"/>
    <col min="13822" max="13822" width="3" style="4" customWidth="1"/>
    <col min="13823" max="14072" width="9" style="4"/>
    <col min="14073" max="14073" width="0" style="4" hidden="1" customWidth="1"/>
    <col min="14074" max="14074" width="4.75" style="4" customWidth="1"/>
    <col min="14075" max="14075" width="13.125" style="4" customWidth="1"/>
    <col min="14076" max="14076" width="22.625" style="4" customWidth="1"/>
    <col min="14077" max="14077" width="16.25" style="4" customWidth="1"/>
    <col min="14078" max="14078" width="3" style="4" customWidth="1"/>
    <col min="14079" max="14328" width="9" style="4"/>
    <col min="14329" max="14329" width="0" style="4" hidden="1" customWidth="1"/>
    <col min="14330" max="14330" width="4.75" style="4" customWidth="1"/>
    <col min="14331" max="14331" width="13.125" style="4" customWidth="1"/>
    <col min="14332" max="14332" width="22.625" style="4" customWidth="1"/>
    <col min="14333" max="14333" width="16.25" style="4" customWidth="1"/>
    <col min="14334" max="14334" width="3" style="4" customWidth="1"/>
    <col min="14335" max="14584" width="9" style="4"/>
    <col min="14585" max="14585" width="0" style="4" hidden="1" customWidth="1"/>
    <col min="14586" max="14586" width="4.75" style="4" customWidth="1"/>
    <col min="14587" max="14587" width="13.125" style="4" customWidth="1"/>
    <col min="14588" max="14588" width="22.625" style="4" customWidth="1"/>
    <col min="14589" max="14589" width="16.25" style="4" customWidth="1"/>
    <col min="14590" max="14590" width="3" style="4" customWidth="1"/>
    <col min="14591" max="14840" width="9" style="4"/>
    <col min="14841" max="14841" width="0" style="4" hidden="1" customWidth="1"/>
    <col min="14842" max="14842" width="4.75" style="4" customWidth="1"/>
    <col min="14843" max="14843" width="13.125" style="4" customWidth="1"/>
    <col min="14844" max="14844" width="22.625" style="4" customWidth="1"/>
    <col min="14845" max="14845" width="16.25" style="4" customWidth="1"/>
    <col min="14846" max="14846" width="3" style="4" customWidth="1"/>
    <col min="14847" max="15096" width="9" style="4"/>
    <col min="15097" max="15097" width="0" style="4" hidden="1" customWidth="1"/>
    <col min="15098" max="15098" width="4.75" style="4" customWidth="1"/>
    <col min="15099" max="15099" width="13.125" style="4" customWidth="1"/>
    <col min="15100" max="15100" width="22.625" style="4" customWidth="1"/>
    <col min="15101" max="15101" width="16.25" style="4" customWidth="1"/>
    <col min="15102" max="15102" width="3" style="4" customWidth="1"/>
    <col min="15103" max="15352" width="9" style="4"/>
    <col min="15353" max="15353" width="0" style="4" hidden="1" customWidth="1"/>
    <col min="15354" max="15354" width="4.75" style="4" customWidth="1"/>
    <col min="15355" max="15355" width="13.125" style="4" customWidth="1"/>
    <col min="15356" max="15356" width="22.625" style="4" customWidth="1"/>
    <col min="15357" max="15357" width="16.25" style="4" customWidth="1"/>
    <col min="15358" max="15358" width="3" style="4" customWidth="1"/>
    <col min="15359" max="15608" width="9" style="4"/>
    <col min="15609" max="15609" width="0" style="4" hidden="1" customWidth="1"/>
    <col min="15610" max="15610" width="4.75" style="4" customWidth="1"/>
    <col min="15611" max="15611" width="13.125" style="4" customWidth="1"/>
    <col min="15612" max="15612" width="22.625" style="4" customWidth="1"/>
    <col min="15613" max="15613" width="16.25" style="4" customWidth="1"/>
    <col min="15614" max="15614" width="3" style="4" customWidth="1"/>
    <col min="15615" max="15864" width="9" style="4"/>
    <col min="15865" max="15865" width="0" style="4" hidden="1" customWidth="1"/>
    <col min="15866" max="15866" width="4.75" style="4" customWidth="1"/>
    <col min="15867" max="15867" width="13.125" style="4" customWidth="1"/>
    <col min="15868" max="15868" width="22.625" style="4" customWidth="1"/>
    <col min="15869" max="15869" width="16.25" style="4" customWidth="1"/>
    <col min="15870" max="15870" width="3" style="4" customWidth="1"/>
    <col min="15871" max="16120" width="9" style="4"/>
    <col min="16121" max="16121" width="0" style="4" hidden="1" customWidth="1"/>
    <col min="16122" max="16122" width="4.75" style="4" customWidth="1"/>
    <col min="16123" max="16123" width="13.125" style="4" customWidth="1"/>
    <col min="16124" max="16124" width="22.625" style="4" customWidth="1"/>
    <col min="16125" max="16125" width="16.25" style="4" customWidth="1"/>
    <col min="16126" max="16126" width="3" style="4" customWidth="1"/>
    <col min="16127" max="16384" width="9" style="4"/>
  </cols>
  <sheetData>
    <row r="1" spans="1:8" s="2" customFormat="1" ht="30" customHeight="1" thickBot="1" x14ac:dyDescent="0.2">
      <c r="A1" s="1"/>
      <c r="B1" s="79" t="s">
        <v>4</v>
      </c>
      <c r="C1" s="79" t="s">
        <v>5</v>
      </c>
      <c r="D1" s="80" t="s">
        <v>6</v>
      </c>
      <c r="E1" s="81" t="s">
        <v>707</v>
      </c>
      <c r="G1" s="13" t="s">
        <v>2</v>
      </c>
      <c r="H1" s="14"/>
    </row>
    <row r="2" spans="1:8" x14ac:dyDescent="0.15">
      <c r="A2" s="3" t="s">
        <v>7</v>
      </c>
      <c r="B2" s="82">
        <v>1</v>
      </c>
      <c r="C2" s="83">
        <v>1001</v>
      </c>
      <c r="D2" s="84" t="s">
        <v>8</v>
      </c>
      <c r="E2" s="85"/>
      <c r="G2" s="58">
        <v>1</v>
      </c>
      <c r="H2" s="12" t="s">
        <v>393</v>
      </c>
    </row>
    <row r="3" spans="1:8" x14ac:dyDescent="0.15">
      <c r="A3" s="5" t="s">
        <v>9</v>
      </c>
      <c r="B3" s="86">
        <v>1</v>
      </c>
      <c r="C3" s="70">
        <v>1002</v>
      </c>
      <c r="D3" s="71" t="s">
        <v>10</v>
      </c>
      <c r="E3" s="10"/>
      <c r="G3" s="59">
        <v>2</v>
      </c>
      <c r="H3" s="10" t="s">
        <v>394</v>
      </c>
    </row>
    <row r="4" spans="1:8" x14ac:dyDescent="0.15">
      <c r="A4" s="5" t="s">
        <v>11</v>
      </c>
      <c r="B4" s="86">
        <v>1</v>
      </c>
      <c r="C4" s="70">
        <v>1003</v>
      </c>
      <c r="D4" s="71" t="s">
        <v>736</v>
      </c>
      <c r="E4" s="10"/>
      <c r="G4" s="59">
        <v>3</v>
      </c>
      <c r="H4" s="10" t="s">
        <v>395</v>
      </c>
    </row>
    <row r="5" spans="1:8" ht="14.25" thickBot="1" x14ac:dyDescent="0.2">
      <c r="A5" s="5" t="s">
        <v>12</v>
      </c>
      <c r="B5" s="86">
        <v>1</v>
      </c>
      <c r="C5" s="70">
        <v>1004</v>
      </c>
      <c r="D5" s="71" t="s">
        <v>13</v>
      </c>
      <c r="E5" s="10"/>
      <c r="G5" s="60">
        <v>4</v>
      </c>
      <c r="H5" s="11" t="s">
        <v>396</v>
      </c>
    </row>
    <row r="6" spans="1:8" x14ac:dyDescent="0.15">
      <c r="A6" s="5" t="s">
        <v>14</v>
      </c>
      <c r="B6" s="86">
        <v>1</v>
      </c>
      <c r="C6" s="70">
        <v>1005</v>
      </c>
      <c r="D6" s="71" t="s">
        <v>15</v>
      </c>
      <c r="E6" s="10"/>
    </row>
    <row r="7" spans="1:8" x14ac:dyDescent="0.15">
      <c r="A7" s="5" t="s">
        <v>16</v>
      </c>
      <c r="B7" s="86">
        <v>1</v>
      </c>
      <c r="C7" s="70">
        <v>1006</v>
      </c>
      <c r="D7" s="71" t="s">
        <v>737</v>
      </c>
      <c r="E7" s="10"/>
    </row>
    <row r="8" spans="1:8" x14ac:dyDescent="0.15">
      <c r="A8" s="5" t="s">
        <v>17</v>
      </c>
      <c r="B8" s="86">
        <v>1</v>
      </c>
      <c r="C8" s="70">
        <v>1007</v>
      </c>
      <c r="D8" s="71" t="s">
        <v>18</v>
      </c>
      <c r="E8" s="10"/>
    </row>
    <row r="9" spans="1:8" x14ac:dyDescent="0.15">
      <c r="A9" s="5" t="s">
        <v>19</v>
      </c>
      <c r="B9" s="86">
        <v>1</v>
      </c>
      <c r="C9" s="70">
        <v>1008</v>
      </c>
      <c r="D9" s="71" t="s">
        <v>20</v>
      </c>
      <c r="E9" s="10"/>
    </row>
    <row r="10" spans="1:8" x14ac:dyDescent="0.15">
      <c r="A10" s="5" t="s">
        <v>21</v>
      </c>
      <c r="B10" s="86">
        <v>1</v>
      </c>
      <c r="C10" s="70">
        <v>1009</v>
      </c>
      <c r="D10" s="71" t="s">
        <v>22</v>
      </c>
      <c r="E10" s="10"/>
    </row>
    <row r="11" spans="1:8" x14ac:dyDescent="0.15">
      <c r="A11" s="5" t="s">
        <v>23</v>
      </c>
      <c r="B11" s="86">
        <v>1</v>
      </c>
      <c r="C11" s="70">
        <v>1010</v>
      </c>
      <c r="D11" s="71" t="s">
        <v>24</v>
      </c>
      <c r="E11" s="10"/>
    </row>
    <row r="12" spans="1:8" x14ac:dyDescent="0.15">
      <c r="A12" s="5" t="s">
        <v>25</v>
      </c>
      <c r="B12" s="86">
        <v>1</v>
      </c>
      <c r="C12" s="70">
        <v>1011</v>
      </c>
      <c r="D12" s="71" t="s">
        <v>26</v>
      </c>
      <c r="E12" s="10"/>
    </row>
    <row r="13" spans="1:8" x14ac:dyDescent="0.15">
      <c r="A13" s="5" t="s">
        <v>27</v>
      </c>
      <c r="B13" s="86">
        <v>1</v>
      </c>
      <c r="C13" s="70">
        <v>1012</v>
      </c>
      <c r="D13" s="71" t="s">
        <v>28</v>
      </c>
      <c r="E13" s="10"/>
    </row>
    <row r="14" spans="1:8" x14ac:dyDescent="0.15">
      <c r="A14" s="5" t="s">
        <v>29</v>
      </c>
      <c r="B14" s="86">
        <v>1</v>
      </c>
      <c r="C14" s="70">
        <v>1013</v>
      </c>
      <c r="D14" s="71" t="s">
        <v>738</v>
      </c>
      <c r="E14" s="10"/>
    </row>
    <row r="15" spans="1:8" x14ac:dyDescent="0.15">
      <c r="A15" s="5" t="s">
        <v>30</v>
      </c>
      <c r="B15" s="86">
        <v>1</v>
      </c>
      <c r="C15" s="70">
        <v>1014</v>
      </c>
      <c r="D15" s="71" t="s">
        <v>31</v>
      </c>
      <c r="E15" s="10"/>
    </row>
    <row r="16" spans="1:8" x14ac:dyDescent="0.15">
      <c r="A16" s="5" t="s">
        <v>32</v>
      </c>
      <c r="B16" s="86">
        <v>1</v>
      </c>
      <c r="C16" s="70">
        <v>1015</v>
      </c>
      <c r="D16" s="71" t="s">
        <v>33</v>
      </c>
      <c r="E16" s="10"/>
    </row>
    <row r="17" spans="1:5" x14ac:dyDescent="0.15">
      <c r="A17" s="5" t="s">
        <v>34</v>
      </c>
      <c r="B17" s="86">
        <v>1</v>
      </c>
      <c r="C17" s="70">
        <v>1016</v>
      </c>
      <c r="D17" s="71" t="s">
        <v>35</v>
      </c>
      <c r="E17" s="10"/>
    </row>
    <row r="18" spans="1:5" x14ac:dyDescent="0.15">
      <c r="A18" s="5" t="s">
        <v>36</v>
      </c>
      <c r="B18" s="86">
        <v>1</v>
      </c>
      <c r="C18" s="70">
        <v>1017</v>
      </c>
      <c r="D18" s="71" t="s">
        <v>37</v>
      </c>
      <c r="E18" s="10"/>
    </row>
    <row r="19" spans="1:5" x14ac:dyDescent="0.15">
      <c r="A19" s="5" t="s">
        <v>38</v>
      </c>
      <c r="B19" s="86">
        <v>1</v>
      </c>
      <c r="C19" s="70">
        <v>1018</v>
      </c>
      <c r="D19" s="71" t="s">
        <v>739</v>
      </c>
      <c r="E19" s="10"/>
    </row>
    <row r="20" spans="1:5" x14ac:dyDescent="0.15">
      <c r="A20" s="5" t="s">
        <v>39</v>
      </c>
      <c r="B20" s="86">
        <v>1</v>
      </c>
      <c r="C20" s="70">
        <v>1019</v>
      </c>
      <c r="D20" s="71" t="s">
        <v>40</v>
      </c>
      <c r="E20" s="10"/>
    </row>
    <row r="21" spans="1:5" x14ac:dyDescent="0.15">
      <c r="A21" s="5" t="s">
        <v>41</v>
      </c>
      <c r="B21" s="86">
        <v>1</v>
      </c>
      <c r="C21" s="70">
        <v>1020</v>
      </c>
      <c r="D21" s="71" t="s">
        <v>42</v>
      </c>
      <c r="E21" s="10"/>
    </row>
    <row r="22" spans="1:5" x14ac:dyDescent="0.15">
      <c r="A22" s="5" t="s">
        <v>43</v>
      </c>
      <c r="B22" s="86">
        <v>1</v>
      </c>
      <c r="C22" s="70">
        <v>1021</v>
      </c>
      <c r="D22" s="71" t="s">
        <v>44</v>
      </c>
      <c r="E22" s="10"/>
    </row>
    <row r="23" spans="1:5" x14ac:dyDescent="0.15">
      <c r="A23" s="5" t="s">
        <v>45</v>
      </c>
      <c r="B23" s="86">
        <v>1</v>
      </c>
      <c r="C23" s="70">
        <v>1022</v>
      </c>
      <c r="D23" s="71" t="s">
        <v>46</v>
      </c>
      <c r="E23" s="10"/>
    </row>
    <row r="24" spans="1:5" x14ac:dyDescent="0.15">
      <c r="A24" s="5" t="s">
        <v>47</v>
      </c>
      <c r="B24" s="86">
        <v>1</v>
      </c>
      <c r="C24" s="70">
        <v>1023</v>
      </c>
      <c r="D24" s="71" t="s">
        <v>48</v>
      </c>
      <c r="E24" s="10"/>
    </row>
    <row r="25" spans="1:5" x14ac:dyDescent="0.15">
      <c r="A25" s="5" t="s">
        <v>49</v>
      </c>
      <c r="B25" s="86">
        <v>1</v>
      </c>
      <c r="C25" s="70">
        <v>1024</v>
      </c>
      <c r="D25" s="71" t="s">
        <v>50</v>
      </c>
      <c r="E25" s="10"/>
    </row>
    <row r="26" spans="1:5" x14ac:dyDescent="0.15">
      <c r="A26" s="5" t="s">
        <v>51</v>
      </c>
      <c r="B26" s="86">
        <v>1</v>
      </c>
      <c r="C26" s="70">
        <v>1025</v>
      </c>
      <c r="D26" s="71" t="s">
        <v>52</v>
      </c>
      <c r="E26" s="10"/>
    </row>
    <row r="27" spans="1:5" x14ac:dyDescent="0.15">
      <c r="A27" s="5" t="s">
        <v>53</v>
      </c>
      <c r="B27" s="86">
        <v>1</v>
      </c>
      <c r="C27" s="70">
        <v>1026</v>
      </c>
      <c r="D27" s="71" t="s">
        <v>54</v>
      </c>
      <c r="E27" s="10"/>
    </row>
    <row r="28" spans="1:5" x14ac:dyDescent="0.15">
      <c r="A28" s="5" t="s">
        <v>55</v>
      </c>
      <c r="B28" s="86">
        <v>1</v>
      </c>
      <c r="C28" s="70">
        <v>1027</v>
      </c>
      <c r="D28" s="71" t="s">
        <v>56</v>
      </c>
      <c r="E28" s="10"/>
    </row>
    <row r="29" spans="1:5" x14ac:dyDescent="0.15">
      <c r="A29" s="5" t="s">
        <v>57</v>
      </c>
      <c r="B29" s="86">
        <v>1</v>
      </c>
      <c r="C29" s="70">
        <v>1028</v>
      </c>
      <c r="D29" s="71" t="s">
        <v>58</v>
      </c>
      <c r="E29" s="10"/>
    </row>
    <row r="30" spans="1:5" x14ac:dyDescent="0.15">
      <c r="A30" s="5" t="s">
        <v>59</v>
      </c>
      <c r="B30" s="86">
        <v>1</v>
      </c>
      <c r="C30" s="70">
        <v>1029</v>
      </c>
      <c r="D30" s="71" t="s">
        <v>60</v>
      </c>
      <c r="E30" s="10"/>
    </row>
    <row r="31" spans="1:5" x14ac:dyDescent="0.15">
      <c r="A31" s="5" t="s">
        <v>61</v>
      </c>
      <c r="B31" s="86">
        <v>1</v>
      </c>
      <c r="C31" s="70">
        <v>1030</v>
      </c>
      <c r="D31" s="71" t="s">
        <v>62</v>
      </c>
      <c r="E31" s="10"/>
    </row>
    <row r="32" spans="1:5" x14ac:dyDescent="0.15">
      <c r="A32" s="5" t="s">
        <v>61</v>
      </c>
      <c r="B32" s="86">
        <v>1</v>
      </c>
      <c r="C32" s="70">
        <v>1031</v>
      </c>
      <c r="D32" s="71" t="s">
        <v>63</v>
      </c>
      <c r="E32" s="10"/>
    </row>
    <row r="33" spans="1:5" x14ac:dyDescent="0.15">
      <c r="A33" s="5" t="s">
        <v>64</v>
      </c>
      <c r="B33" s="86">
        <v>1</v>
      </c>
      <c r="C33" s="70">
        <v>1032</v>
      </c>
      <c r="D33" s="71" t="s">
        <v>65</v>
      </c>
      <c r="E33" s="10"/>
    </row>
    <row r="34" spans="1:5" x14ac:dyDescent="0.15">
      <c r="A34" s="5" t="s">
        <v>66</v>
      </c>
      <c r="B34" s="86">
        <v>1</v>
      </c>
      <c r="C34" s="70">
        <v>1033</v>
      </c>
      <c r="D34" s="71" t="s">
        <v>67</v>
      </c>
      <c r="E34" s="10"/>
    </row>
    <row r="35" spans="1:5" x14ac:dyDescent="0.15">
      <c r="A35" s="5" t="s">
        <v>68</v>
      </c>
      <c r="B35" s="86">
        <v>1</v>
      </c>
      <c r="C35" s="70">
        <v>1034</v>
      </c>
      <c r="D35" s="71" t="s">
        <v>69</v>
      </c>
      <c r="E35" s="10"/>
    </row>
    <row r="36" spans="1:5" x14ac:dyDescent="0.15">
      <c r="A36" s="5" t="s">
        <v>70</v>
      </c>
      <c r="B36" s="86">
        <v>1</v>
      </c>
      <c r="C36" s="70">
        <v>1035</v>
      </c>
      <c r="D36" s="71" t="s">
        <v>71</v>
      </c>
      <c r="E36" s="10"/>
    </row>
    <row r="37" spans="1:5" x14ac:dyDescent="0.15">
      <c r="A37" s="5" t="s">
        <v>72</v>
      </c>
      <c r="B37" s="86">
        <v>1</v>
      </c>
      <c r="C37" s="70">
        <v>1036</v>
      </c>
      <c r="D37" s="71"/>
      <c r="E37" s="10"/>
    </row>
    <row r="38" spans="1:5" x14ac:dyDescent="0.15">
      <c r="A38" s="5" t="s">
        <v>73</v>
      </c>
      <c r="B38" s="86">
        <v>1</v>
      </c>
      <c r="C38" s="70">
        <v>1037</v>
      </c>
      <c r="D38" s="71" t="s">
        <v>74</v>
      </c>
      <c r="E38" s="10"/>
    </row>
    <row r="39" spans="1:5" x14ac:dyDescent="0.15">
      <c r="A39" s="5" t="s">
        <v>75</v>
      </c>
      <c r="B39" s="86">
        <v>1</v>
      </c>
      <c r="C39" s="70">
        <v>1038</v>
      </c>
      <c r="D39" s="71" t="s">
        <v>740</v>
      </c>
      <c r="E39" s="10"/>
    </row>
    <row r="40" spans="1:5" x14ac:dyDescent="0.15">
      <c r="A40" s="5" t="s">
        <v>76</v>
      </c>
      <c r="B40" s="86">
        <v>1</v>
      </c>
      <c r="C40" s="70">
        <v>1039</v>
      </c>
      <c r="D40" s="71" t="s">
        <v>77</v>
      </c>
      <c r="E40" s="10"/>
    </row>
    <row r="41" spans="1:5" x14ac:dyDescent="0.15">
      <c r="A41" s="5" t="s">
        <v>78</v>
      </c>
      <c r="B41" s="86">
        <v>1</v>
      </c>
      <c r="C41" s="70">
        <v>1040</v>
      </c>
      <c r="D41" s="71"/>
      <c r="E41" s="10"/>
    </row>
    <row r="42" spans="1:5" x14ac:dyDescent="0.15">
      <c r="A42" s="5" t="s">
        <v>79</v>
      </c>
      <c r="B42" s="86">
        <v>1</v>
      </c>
      <c r="C42" s="70">
        <v>1041</v>
      </c>
      <c r="D42" s="71"/>
      <c r="E42" s="10"/>
    </row>
    <row r="43" spans="1:5" x14ac:dyDescent="0.15">
      <c r="A43" s="5" t="s">
        <v>80</v>
      </c>
      <c r="B43" s="86">
        <v>1</v>
      </c>
      <c r="C43" s="70">
        <v>1042</v>
      </c>
      <c r="D43" s="71"/>
      <c r="E43" s="10"/>
    </row>
    <row r="44" spans="1:5" x14ac:dyDescent="0.15">
      <c r="A44" s="5" t="s">
        <v>81</v>
      </c>
      <c r="B44" s="86">
        <v>1</v>
      </c>
      <c r="C44" s="70">
        <v>1043</v>
      </c>
      <c r="D44" s="71"/>
      <c r="E44" s="10"/>
    </row>
    <row r="45" spans="1:5" x14ac:dyDescent="0.15">
      <c r="A45" s="5" t="s">
        <v>82</v>
      </c>
      <c r="B45" s="86">
        <v>1</v>
      </c>
      <c r="C45" s="70">
        <v>1044</v>
      </c>
      <c r="D45" s="71" t="s">
        <v>741</v>
      </c>
      <c r="E45" s="10"/>
    </row>
    <row r="46" spans="1:5" x14ac:dyDescent="0.15">
      <c r="A46" s="5" t="s">
        <v>83</v>
      </c>
      <c r="B46" s="86">
        <v>1</v>
      </c>
      <c r="C46" s="70">
        <v>1045</v>
      </c>
      <c r="D46" s="71" t="s">
        <v>742</v>
      </c>
      <c r="E46" s="10"/>
    </row>
    <row r="47" spans="1:5" x14ac:dyDescent="0.15">
      <c r="A47" s="5" t="s">
        <v>84</v>
      </c>
      <c r="B47" s="86">
        <v>1</v>
      </c>
      <c r="C47" s="70">
        <v>1046</v>
      </c>
      <c r="D47" s="71"/>
      <c r="E47" s="10"/>
    </row>
    <row r="48" spans="1:5" x14ac:dyDescent="0.15">
      <c r="A48" s="5" t="s">
        <v>85</v>
      </c>
      <c r="B48" s="86">
        <v>1</v>
      </c>
      <c r="C48" s="70">
        <v>1047</v>
      </c>
      <c r="D48" s="71" t="s">
        <v>743</v>
      </c>
      <c r="E48" s="10"/>
    </row>
    <row r="49" spans="1:5" x14ac:dyDescent="0.15">
      <c r="A49" s="5" t="s">
        <v>86</v>
      </c>
      <c r="B49" s="86">
        <v>1</v>
      </c>
      <c r="C49" s="70">
        <v>1048</v>
      </c>
      <c r="D49" s="71" t="s">
        <v>708</v>
      </c>
      <c r="E49" s="10"/>
    </row>
    <row r="50" spans="1:5" x14ac:dyDescent="0.15">
      <c r="A50" s="5" t="s">
        <v>87</v>
      </c>
      <c r="B50" s="86">
        <v>1</v>
      </c>
      <c r="C50" s="70">
        <v>1049</v>
      </c>
      <c r="D50" s="71" t="s">
        <v>744</v>
      </c>
      <c r="E50" s="10"/>
    </row>
    <row r="51" spans="1:5" x14ac:dyDescent="0.15">
      <c r="A51" s="5" t="s">
        <v>88</v>
      </c>
      <c r="B51" s="86">
        <v>1</v>
      </c>
      <c r="C51" s="70">
        <v>1050</v>
      </c>
      <c r="D51" s="71" t="s">
        <v>745</v>
      </c>
      <c r="E51" s="10"/>
    </row>
    <row r="52" spans="1:5" x14ac:dyDescent="0.15">
      <c r="A52" s="5" t="s">
        <v>89</v>
      </c>
      <c r="B52" s="86">
        <v>1</v>
      </c>
      <c r="C52" s="70">
        <v>1051</v>
      </c>
      <c r="D52" s="71" t="s">
        <v>746</v>
      </c>
      <c r="E52" s="10"/>
    </row>
    <row r="53" spans="1:5" x14ac:dyDescent="0.15">
      <c r="A53" s="5" t="s">
        <v>90</v>
      </c>
      <c r="B53" s="86">
        <v>1</v>
      </c>
      <c r="C53" s="70">
        <v>1052</v>
      </c>
      <c r="D53" s="71"/>
      <c r="E53" s="10"/>
    </row>
    <row r="54" spans="1:5" x14ac:dyDescent="0.15">
      <c r="A54" s="5" t="s">
        <v>91</v>
      </c>
      <c r="B54" s="86">
        <v>1</v>
      </c>
      <c r="C54" s="70">
        <v>1053</v>
      </c>
      <c r="D54" s="71"/>
      <c r="E54" s="10"/>
    </row>
    <row r="55" spans="1:5" x14ac:dyDescent="0.15">
      <c r="A55" s="5"/>
      <c r="B55" s="86">
        <v>1</v>
      </c>
      <c r="C55" s="70">
        <v>1054</v>
      </c>
      <c r="D55" s="71" t="s">
        <v>747</v>
      </c>
      <c r="E55" s="10"/>
    </row>
    <row r="56" spans="1:5" x14ac:dyDescent="0.15">
      <c r="A56" s="5"/>
      <c r="B56" s="86">
        <v>1</v>
      </c>
      <c r="C56" s="70">
        <v>1055</v>
      </c>
      <c r="D56" s="71" t="s">
        <v>748</v>
      </c>
      <c r="E56" s="10"/>
    </row>
    <row r="57" spans="1:5" x14ac:dyDescent="0.15">
      <c r="A57" s="5" t="s">
        <v>92</v>
      </c>
      <c r="B57" s="86">
        <v>1</v>
      </c>
      <c r="C57" s="70">
        <v>1056</v>
      </c>
      <c r="D57" s="71" t="s">
        <v>749</v>
      </c>
      <c r="E57" s="10"/>
    </row>
    <row r="58" spans="1:5" x14ac:dyDescent="0.15">
      <c r="A58" s="5" t="s">
        <v>93</v>
      </c>
      <c r="B58" s="86">
        <v>1</v>
      </c>
      <c r="C58" s="70">
        <v>1057</v>
      </c>
      <c r="D58" s="72" t="s">
        <v>750</v>
      </c>
      <c r="E58" s="10"/>
    </row>
    <row r="59" spans="1:5" x14ac:dyDescent="0.15">
      <c r="A59" s="5" t="s">
        <v>95</v>
      </c>
      <c r="B59" s="86">
        <v>1</v>
      </c>
      <c r="C59" s="70">
        <v>1101</v>
      </c>
      <c r="D59" s="73" t="s">
        <v>94</v>
      </c>
      <c r="E59" s="10"/>
    </row>
    <row r="60" spans="1:5" x14ac:dyDescent="0.15">
      <c r="A60" s="5" t="s">
        <v>97</v>
      </c>
      <c r="B60" s="86">
        <v>1</v>
      </c>
      <c r="C60" s="70">
        <v>1102</v>
      </c>
      <c r="D60" s="73" t="s">
        <v>96</v>
      </c>
      <c r="E60" s="10"/>
    </row>
    <row r="61" spans="1:5" x14ac:dyDescent="0.15">
      <c r="A61" s="5" t="s">
        <v>99</v>
      </c>
      <c r="B61" s="86">
        <v>1</v>
      </c>
      <c r="C61" s="70">
        <v>1103</v>
      </c>
      <c r="D61" s="73" t="s">
        <v>98</v>
      </c>
      <c r="E61" s="10"/>
    </row>
    <row r="62" spans="1:5" x14ac:dyDescent="0.15">
      <c r="A62" s="5" t="s">
        <v>101</v>
      </c>
      <c r="B62" s="86">
        <v>1</v>
      </c>
      <c r="C62" s="70">
        <v>1104</v>
      </c>
      <c r="D62" s="73" t="s">
        <v>100</v>
      </c>
      <c r="E62" s="10"/>
    </row>
    <row r="63" spans="1:5" x14ac:dyDescent="0.15">
      <c r="A63" s="5" t="s">
        <v>102</v>
      </c>
      <c r="B63" s="86">
        <v>1</v>
      </c>
      <c r="C63" s="70">
        <v>1105</v>
      </c>
      <c r="D63" s="73" t="s">
        <v>751</v>
      </c>
      <c r="E63" s="10"/>
    </row>
    <row r="64" spans="1:5" x14ac:dyDescent="0.15">
      <c r="A64" s="5" t="s">
        <v>104</v>
      </c>
      <c r="B64" s="86">
        <v>1</v>
      </c>
      <c r="C64" s="70">
        <v>1106</v>
      </c>
      <c r="D64" s="71" t="s">
        <v>103</v>
      </c>
      <c r="E64" s="10"/>
    </row>
    <row r="65" spans="1:5" x14ac:dyDescent="0.15">
      <c r="A65" s="5" t="s">
        <v>106</v>
      </c>
      <c r="B65" s="86">
        <v>1</v>
      </c>
      <c r="C65" s="70">
        <v>1107</v>
      </c>
      <c r="D65" s="71" t="s">
        <v>105</v>
      </c>
      <c r="E65" s="10"/>
    </row>
    <row r="66" spans="1:5" x14ac:dyDescent="0.15">
      <c r="A66" s="5" t="s">
        <v>107</v>
      </c>
      <c r="B66" s="86">
        <v>1</v>
      </c>
      <c r="C66" s="70">
        <v>1108</v>
      </c>
      <c r="D66" s="71" t="s">
        <v>752</v>
      </c>
      <c r="E66" s="10"/>
    </row>
    <row r="67" spans="1:5" x14ac:dyDescent="0.15">
      <c r="A67" s="5" t="s">
        <v>109</v>
      </c>
      <c r="B67" s="86">
        <v>1</v>
      </c>
      <c r="C67" s="70">
        <v>1109</v>
      </c>
      <c r="D67" s="71" t="s">
        <v>108</v>
      </c>
      <c r="E67" s="10"/>
    </row>
    <row r="68" spans="1:5" x14ac:dyDescent="0.15">
      <c r="A68" s="5" t="s">
        <v>111</v>
      </c>
      <c r="B68" s="86">
        <v>1</v>
      </c>
      <c r="C68" s="70">
        <v>1110</v>
      </c>
      <c r="D68" s="71" t="s">
        <v>110</v>
      </c>
      <c r="E68" s="10"/>
    </row>
    <row r="69" spans="1:5" x14ac:dyDescent="0.15">
      <c r="A69" s="5" t="s">
        <v>113</v>
      </c>
      <c r="B69" s="86">
        <v>1</v>
      </c>
      <c r="C69" s="70">
        <v>1111</v>
      </c>
      <c r="D69" s="71" t="s">
        <v>112</v>
      </c>
      <c r="E69" s="10"/>
    </row>
    <row r="70" spans="1:5" x14ac:dyDescent="0.15">
      <c r="A70" s="5" t="s">
        <v>115</v>
      </c>
      <c r="B70" s="86">
        <v>1</v>
      </c>
      <c r="C70" s="70">
        <v>1112</v>
      </c>
      <c r="D70" s="71" t="s">
        <v>114</v>
      </c>
      <c r="E70" s="10"/>
    </row>
    <row r="71" spans="1:5" x14ac:dyDescent="0.15">
      <c r="A71" s="5" t="s">
        <v>117</v>
      </c>
      <c r="B71" s="86">
        <v>1</v>
      </c>
      <c r="C71" s="70">
        <v>1113</v>
      </c>
      <c r="D71" s="71" t="s">
        <v>116</v>
      </c>
      <c r="E71" s="10"/>
    </row>
    <row r="72" spans="1:5" x14ac:dyDescent="0.15">
      <c r="A72" s="5" t="s">
        <v>118</v>
      </c>
      <c r="B72" s="86">
        <v>1</v>
      </c>
      <c r="C72" s="70">
        <v>1114</v>
      </c>
      <c r="D72" s="71" t="s">
        <v>753</v>
      </c>
      <c r="E72" s="10"/>
    </row>
    <row r="73" spans="1:5" ht="14.25" thickBot="1" x14ac:dyDescent="0.2">
      <c r="A73" s="6" t="s">
        <v>120</v>
      </c>
      <c r="B73" s="86">
        <v>1</v>
      </c>
      <c r="C73" s="70">
        <v>1115</v>
      </c>
      <c r="D73" s="71" t="s">
        <v>119</v>
      </c>
      <c r="E73" s="10"/>
    </row>
    <row r="74" spans="1:5" x14ac:dyDescent="0.15">
      <c r="A74" s="7" t="s">
        <v>121</v>
      </c>
      <c r="B74" s="86">
        <v>1</v>
      </c>
      <c r="C74" s="70"/>
      <c r="D74" s="71"/>
      <c r="E74" s="10"/>
    </row>
    <row r="75" spans="1:5" ht="14.25" thickBot="1" x14ac:dyDescent="0.2">
      <c r="A75" s="8" t="s">
        <v>122</v>
      </c>
      <c r="B75" s="87">
        <v>1</v>
      </c>
      <c r="C75" s="77">
        <v>1200</v>
      </c>
      <c r="D75" s="78" t="s">
        <v>754</v>
      </c>
      <c r="E75" s="11"/>
    </row>
    <row r="76" spans="1:5" x14ac:dyDescent="0.15">
      <c r="A76" s="3" t="s">
        <v>124</v>
      </c>
      <c r="B76" s="88">
        <v>2</v>
      </c>
      <c r="C76" s="75">
        <v>2001</v>
      </c>
      <c r="D76" s="76" t="s">
        <v>123</v>
      </c>
      <c r="E76" s="12"/>
    </row>
    <row r="77" spans="1:5" x14ac:dyDescent="0.15">
      <c r="A77" s="5" t="s">
        <v>126</v>
      </c>
      <c r="B77" s="86">
        <v>2</v>
      </c>
      <c r="C77" s="70">
        <v>2002</v>
      </c>
      <c r="D77" s="71" t="s">
        <v>125</v>
      </c>
      <c r="E77" s="10"/>
    </row>
    <row r="78" spans="1:5" x14ac:dyDescent="0.15">
      <c r="A78" s="5" t="s">
        <v>128</v>
      </c>
      <c r="B78" s="86">
        <v>2</v>
      </c>
      <c r="C78" s="70">
        <v>2003</v>
      </c>
      <c r="D78" s="71" t="s">
        <v>127</v>
      </c>
      <c r="E78" s="10"/>
    </row>
    <row r="79" spans="1:5" x14ac:dyDescent="0.15">
      <c r="A79" s="5" t="s">
        <v>130</v>
      </c>
      <c r="B79" s="86">
        <v>2</v>
      </c>
      <c r="C79" s="70">
        <v>2004</v>
      </c>
      <c r="D79" s="71" t="s">
        <v>129</v>
      </c>
      <c r="E79" s="10"/>
    </row>
    <row r="80" spans="1:5" x14ac:dyDescent="0.15">
      <c r="A80" s="5" t="s">
        <v>132</v>
      </c>
      <c r="B80" s="86">
        <v>2</v>
      </c>
      <c r="C80" s="70">
        <v>2005</v>
      </c>
      <c r="D80" s="71" t="s">
        <v>131</v>
      </c>
      <c r="E80" s="10"/>
    </row>
    <row r="81" spans="1:5" x14ac:dyDescent="0.15">
      <c r="A81" s="5"/>
      <c r="B81" s="86">
        <v>2</v>
      </c>
      <c r="C81" s="70">
        <v>2006</v>
      </c>
      <c r="D81" s="71"/>
      <c r="E81" s="10"/>
    </row>
    <row r="82" spans="1:5" x14ac:dyDescent="0.15">
      <c r="A82" s="5" t="s">
        <v>133</v>
      </c>
      <c r="B82" s="86">
        <v>2</v>
      </c>
      <c r="C82" s="70">
        <v>2007</v>
      </c>
      <c r="D82" s="71"/>
      <c r="E82" s="10"/>
    </row>
    <row r="83" spans="1:5" x14ac:dyDescent="0.15">
      <c r="A83" s="5" t="s">
        <v>134</v>
      </c>
      <c r="B83" s="86">
        <v>2</v>
      </c>
      <c r="C83" s="70">
        <v>2008</v>
      </c>
      <c r="D83" s="71" t="s">
        <v>755</v>
      </c>
      <c r="E83" s="10"/>
    </row>
    <row r="84" spans="1:5" x14ac:dyDescent="0.15">
      <c r="A84" s="5" t="s">
        <v>136</v>
      </c>
      <c r="B84" s="86">
        <v>2</v>
      </c>
      <c r="C84" s="70">
        <v>2009</v>
      </c>
      <c r="D84" s="71" t="s">
        <v>135</v>
      </c>
      <c r="E84" s="10"/>
    </row>
    <row r="85" spans="1:5" x14ac:dyDescent="0.15">
      <c r="A85" s="5" t="s">
        <v>138</v>
      </c>
      <c r="B85" s="86">
        <v>2</v>
      </c>
      <c r="C85" s="70">
        <v>2010</v>
      </c>
      <c r="D85" s="71" t="s">
        <v>137</v>
      </c>
      <c r="E85" s="10"/>
    </row>
    <row r="86" spans="1:5" x14ac:dyDescent="0.15">
      <c r="A86" s="5" t="s">
        <v>140</v>
      </c>
      <c r="B86" s="86">
        <v>2</v>
      </c>
      <c r="C86" s="70">
        <v>2011</v>
      </c>
      <c r="D86" s="71" t="s">
        <v>139</v>
      </c>
      <c r="E86" s="10"/>
    </row>
    <row r="87" spans="1:5" x14ac:dyDescent="0.15">
      <c r="A87" s="5" t="s">
        <v>142</v>
      </c>
      <c r="B87" s="86">
        <v>2</v>
      </c>
      <c r="C87" s="70">
        <v>2012</v>
      </c>
      <c r="D87" s="71" t="s">
        <v>141</v>
      </c>
      <c r="E87" s="10"/>
    </row>
    <row r="88" spans="1:5" x14ac:dyDescent="0.15">
      <c r="A88" s="5" t="s">
        <v>144</v>
      </c>
      <c r="B88" s="86">
        <v>2</v>
      </c>
      <c r="C88" s="70">
        <v>2013</v>
      </c>
      <c r="D88" s="71" t="s">
        <v>143</v>
      </c>
      <c r="E88" s="10"/>
    </row>
    <row r="89" spans="1:5" x14ac:dyDescent="0.15">
      <c r="A89" s="5" t="s">
        <v>146</v>
      </c>
      <c r="B89" s="86">
        <v>2</v>
      </c>
      <c r="C89" s="70">
        <v>2014</v>
      </c>
      <c r="D89" s="71" t="s">
        <v>145</v>
      </c>
      <c r="E89" s="10"/>
    </row>
    <row r="90" spans="1:5" x14ac:dyDescent="0.15">
      <c r="A90" s="5" t="s">
        <v>148</v>
      </c>
      <c r="B90" s="86">
        <v>2</v>
      </c>
      <c r="C90" s="70">
        <v>2015</v>
      </c>
      <c r="D90" s="71" t="s">
        <v>147</v>
      </c>
      <c r="E90" s="10"/>
    </row>
    <row r="91" spans="1:5" x14ac:dyDescent="0.15">
      <c r="A91" s="5" t="s">
        <v>150</v>
      </c>
      <c r="B91" s="86">
        <v>2</v>
      </c>
      <c r="C91" s="70">
        <v>2016</v>
      </c>
      <c r="D91" s="71" t="s">
        <v>149</v>
      </c>
      <c r="E91" s="10"/>
    </row>
    <row r="92" spans="1:5" x14ac:dyDescent="0.15">
      <c r="A92" s="5" t="s">
        <v>152</v>
      </c>
      <c r="B92" s="86">
        <v>2</v>
      </c>
      <c r="C92" s="70">
        <v>2017</v>
      </c>
      <c r="D92" s="71" t="s">
        <v>151</v>
      </c>
      <c r="E92" s="10"/>
    </row>
    <row r="93" spans="1:5" x14ac:dyDescent="0.15">
      <c r="A93" s="5" t="s">
        <v>154</v>
      </c>
      <c r="B93" s="86">
        <v>2</v>
      </c>
      <c r="C93" s="70">
        <v>2018</v>
      </c>
      <c r="D93" s="71" t="s">
        <v>153</v>
      </c>
      <c r="E93" s="10"/>
    </row>
    <row r="94" spans="1:5" x14ac:dyDescent="0.15">
      <c r="A94" s="5" t="s">
        <v>156</v>
      </c>
      <c r="B94" s="86">
        <v>2</v>
      </c>
      <c r="C94" s="70">
        <v>2019</v>
      </c>
      <c r="D94" s="71" t="s">
        <v>155</v>
      </c>
      <c r="E94" s="10"/>
    </row>
    <row r="95" spans="1:5" x14ac:dyDescent="0.15">
      <c r="A95" s="5" t="s">
        <v>158</v>
      </c>
      <c r="B95" s="86">
        <v>2</v>
      </c>
      <c r="C95" s="70">
        <v>2020</v>
      </c>
      <c r="D95" s="71" t="s">
        <v>157</v>
      </c>
      <c r="E95" s="10"/>
    </row>
    <row r="96" spans="1:5" x14ac:dyDescent="0.15">
      <c r="A96" s="5" t="s">
        <v>160</v>
      </c>
      <c r="B96" s="86">
        <v>2</v>
      </c>
      <c r="C96" s="70">
        <v>2021</v>
      </c>
      <c r="D96" s="71" t="s">
        <v>159</v>
      </c>
      <c r="E96" s="10"/>
    </row>
    <row r="97" spans="1:6" x14ac:dyDescent="0.15">
      <c r="A97" s="5" t="s">
        <v>162</v>
      </c>
      <c r="B97" s="86">
        <v>2</v>
      </c>
      <c r="C97" s="70">
        <v>2022</v>
      </c>
      <c r="D97" s="71" t="s">
        <v>161</v>
      </c>
      <c r="E97" s="10"/>
    </row>
    <row r="98" spans="1:6" x14ac:dyDescent="0.15">
      <c r="A98" s="5" t="s">
        <v>163</v>
      </c>
      <c r="B98" s="86">
        <v>2</v>
      </c>
      <c r="C98" s="70">
        <v>2023</v>
      </c>
      <c r="D98" s="71" t="s">
        <v>756</v>
      </c>
      <c r="E98" s="10"/>
    </row>
    <row r="99" spans="1:6" x14ac:dyDescent="0.15">
      <c r="A99" s="5" t="s">
        <v>165</v>
      </c>
      <c r="B99" s="86">
        <v>2</v>
      </c>
      <c r="C99" s="70">
        <v>2024</v>
      </c>
      <c r="D99" s="71" t="s">
        <v>164</v>
      </c>
      <c r="E99" s="10"/>
    </row>
    <row r="100" spans="1:6" x14ac:dyDescent="0.15">
      <c r="A100" s="5"/>
      <c r="B100" s="86">
        <v>2</v>
      </c>
      <c r="C100" s="70">
        <v>2025</v>
      </c>
      <c r="D100" s="71" t="s">
        <v>166</v>
      </c>
      <c r="E100" s="10"/>
    </row>
    <row r="101" spans="1:6" x14ac:dyDescent="0.15">
      <c r="A101" s="5" t="s">
        <v>167</v>
      </c>
      <c r="B101" s="86">
        <v>2</v>
      </c>
      <c r="C101" s="70">
        <v>2026</v>
      </c>
      <c r="D101" s="73" t="s">
        <v>757</v>
      </c>
      <c r="E101" s="10"/>
    </row>
    <row r="102" spans="1:6" x14ac:dyDescent="0.15">
      <c r="A102" s="5" t="s">
        <v>168</v>
      </c>
      <c r="B102" s="86">
        <v>2</v>
      </c>
      <c r="C102" s="70">
        <v>2027</v>
      </c>
      <c r="D102" s="73" t="s">
        <v>758</v>
      </c>
      <c r="E102" s="10"/>
    </row>
    <row r="103" spans="1:6" x14ac:dyDescent="0.15">
      <c r="A103" s="5" t="s">
        <v>169</v>
      </c>
      <c r="B103" s="86">
        <v>2</v>
      </c>
      <c r="C103" s="70">
        <v>2028</v>
      </c>
      <c r="D103" s="73" t="s">
        <v>759</v>
      </c>
      <c r="E103" s="89"/>
    </row>
    <row r="104" spans="1:6" x14ac:dyDescent="0.15">
      <c r="A104" s="5" t="s">
        <v>170</v>
      </c>
      <c r="B104" s="86">
        <v>2</v>
      </c>
      <c r="C104" s="70">
        <v>2029</v>
      </c>
      <c r="D104" s="73"/>
      <c r="E104" s="10"/>
      <c r="F104" s="57"/>
    </row>
    <row r="105" spans="1:6" x14ac:dyDescent="0.15">
      <c r="A105" s="5" t="s">
        <v>171</v>
      </c>
      <c r="B105" s="86">
        <v>2</v>
      </c>
      <c r="C105" s="70">
        <v>2030</v>
      </c>
      <c r="D105" s="73" t="s">
        <v>760</v>
      </c>
      <c r="E105" s="10"/>
    </row>
    <row r="106" spans="1:6" x14ac:dyDescent="0.15">
      <c r="A106" s="5" t="s">
        <v>172</v>
      </c>
      <c r="B106" s="86">
        <v>2</v>
      </c>
      <c r="C106" s="70">
        <v>2031</v>
      </c>
      <c r="D106" s="71"/>
      <c r="E106" s="10"/>
    </row>
    <row r="107" spans="1:6" x14ac:dyDescent="0.15">
      <c r="A107" s="5" t="s">
        <v>173</v>
      </c>
      <c r="B107" s="86">
        <v>2</v>
      </c>
      <c r="C107" s="70">
        <v>2032</v>
      </c>
      <c r="D107" s="71"/>
      <c r="E107" s="10"/>
      <c r="F107" s="57"/>
    </row>
    <row r="108" spans="1:6" x14ac:dyDescent="0.15">
      <c r="A108" s="5" t="s">
        <v>174</v>
      </c>
      <c r="B108" s="86">
        <v>2</v>
      </c>
      <c r="C108" s="70">
        <v>2033</v>
      </c>
      <c r="D108" s="71" t="s">
        <v>761</v>
      </c>
      <c r="E108" s="10"/>
    </row>
    <row r="109" spans="1:6" x14ac:dyDescent="0.15">
      <c r="A109" s="5" t="s">
        <v>175</v>
      </c>
      <c r="B109" s="86">
        <v>2</v>
      </c>
      <c r="C109" s="70">
        <v>2034</v>
      </c>
      <c r="D109" s="71"/>
      <c r="E109" s="10"/>
    </row>
    <row r="110" spans="1:6" x14ac:dyDescent="0.15">
      <c r="A110" s="5" t="s">
        <v>176</v>
      </c>
      <c r="B110" s="86">
        <v>2</v>
      </c>
      <c r="C110" s="70">
        <v>2035</v>
      </c>
      <c r="D110" s="71" t="s">
        <v>762</v>
      </c>
      <c r="E110" s="10"/>
    </row>
    <row r="111" spans="1:6" x14ac:dyDescent="0.15">
      <c r="A111" s="5" t="s">
        <v>177</v>
      </c>
      <c r="B111" s="86">
        <v>2</v>
      </c>
      <c r="C111" s="70">
        <v>2036</v>
      </c>
      <c r="D111" s="73"/>
      <c r="E111" s="10"/>
    </row>
    <row r="112" spans="1:6" x14ac:dyDescent="0.15">
      <c r="A112" s="5"/>
      <c r="B112" s="86">
        <v>2</v>
      </c>
      <c r="C112" s="70">
        <v>2037</v>
      </c>
      <c r="D112" s="71" t="s">
        <v>763</v>
      </c>
      <c r="E112" s="10"/>
    </row>
    <row r="113" spans="1:5" x14ac:dyDescent="0.15">
      <c r="A113" s="5" t="s">
        <v>178</v>
      </c>
      <c r="B113" s="86">
        <v>2</v>
      </c>
      <c r="C113" s="70">
        <v>2038</v>
      </c>
      <c r="D113" s="71"/>
      <c r="E113" s="10"/>
    </row>
    <row r="114" spans="1:5" x14ac:dyDescent="0.15">
      <c r="A114" s="5"/>
      <c r="B114" s="86">
        <v>2</v>
      </c>
      <c r="C114" s="70">
        <v>2039</v>
      </c>
      <c r="D114" s="71" t="s">
        <v>764</v>
      </c>
      <c r="E114" s="10"/>
    </row>
    <row r="115" spans="1:5" x14ac:dyDescent="0.15">
      <c r="A115" s="5" t="s">
        <v>179</v>
      </c>
      <c r="B115" s="86">
        <v>2</v>
      </c>
      <c r="C115" s="70">
        <v>2040</v>
      </c>
      <c r="D115" s="74" t="s">
        <v>765</v>
      </c>
      <c r="E115" s="90"/>
    </row>
    <row r="116" spans="1:5" x14ac:dyDescent="0.15">
      <c r="A116" s="5" t="s">
        <v>181</v>
      </c>
      <c r="B116" s="86">
        <v>2</v>
      </c>
      <c r="C116" s="70">
        <v>2041</v>
      </c>
      <c r="D116" s="71" t="s">
        <v>766</v>
      </c>
      <c r="E116" s="10"/>
    </row>
    <row r="117" spans="1:5" x14ac:dyDescent="0.15">
      <c r="A117" s="5" t="s">
        <v>182</v>
      </c>
      <c r="B117" s="86">
        <v>2</v>
      </c>
      <c r="C117" s="70">
        <v>2042</v>
      </c>
      <c r="D117" s="71" t="s">
        <v>767</v>
      </c>
      <c r="E117" s="10"/>
    </row>
    <row r="118" spans="1:5" x14ac:dyDescent="0.15">
      <c r="A118" s="5" t="s">
        <v>184</v>
      </c>
      <c r="B118" s="86">
        <v>2</v>
      </c>
      <c r="C118" s="70">
        <v>2043</v>
      </c>
      <c r="D118" s="71" t="s">
        <v>768</v>
      </c>
      <c r="E118" s="10"/>
    </row>
    <row r="119" spans="1:5" x14ac:dyDescent="0.15">
      <c r="A119" s="5" t="s">
        <v>185</v>
      </c>
      <c r="B119" s="86">
        <v>2</v>
      </c>
      <c r="C119" s="70">
        <v>2044</v>
      </c>
      <c r="D119" s="71" t="s">
        <v>769</v>
      </c>
      <c r="E119" s="10"/>
    </row>
    <row r="120" spans="1:5" x14ac:dyDescent="0.15">
      <c r="A120" s="5" t="s">
        <v>187</v>
      </c>
      <c r="B120" s="86">
        <v>2</v>
      </c>
      <c r="C120" s="70">
        <v>2045</v>
      </c>
      <c r="D120" s="72" t="s">
        <v>770</v>
      </c>
      <c r="E120" s="10"/>
    </row>
    <row r="121" spans="1:5" x14ac:dyDescent="0.15">
      <c r="A121" s="5" t="s">
        <v>189</v>
      </c>
      <c r="B121" s="86">
        <v>2</v>
      </c>
      <c r="C121" s="70">
        <v>2046</v>
      </c>
      <c r="D121" s="72" t="s">
        <v>771</v>
      </c>
      <c r="E121" s="10"/>
    </row>
    <row r="122" spans="1:5" x14ac:dyDescent="0.15">
      <c r="A122" s="5" t="s">
        <v>191</v>
      </c>
      <c r="B122" s="86">
        <v>2</v>
      </c>
      <c r="C122" s="70">
        <v>2101</v>
      </c>
      <c r="D122" s="71" t="s">
        <v>180</v>
      </c>
      <c r="E122" s="10"/>
    </row>
    <row r="123" spans="1:5" x14ac:dyDescent="0.15">
      <c r="A123" s="5" t="s">
        <v>193</v>
      </c>
      <c r="B123" s="86">
        <v>2</v>
      </c>
      <c r="C123" s="70">
        <v>2102</v>
      </c>
      <c r="D123" s="71" t="s">
        <v>772</v>
      </c>
      <c r="E123" s="10"/>
    </row>
    <row r="124" spans="1:5" x14ac:dyDescent="0.15">
      <c r="A124" s="5" t="s">
        <v>195</v>
      </c>
      <c r="B124" s="86">
        <v>2</v>
      </c>
      <c r="C124" s="70">
        <v>2103</v>
      </c>
      <c r="D124" s="71" t="s">
        <v>183</v>
      </c>
      <c r="E124" s="10"/>
    </row>
    <row r="125" spans="1:5" x14ac:dyDescent="0.15">
      <c r="A125" s="5" t="s">
        <v>196</v>
      </c>
      <c r="B125" s="86">
        <v>2</v>
      </c>
      <c r="C125" s="70">
        <v>2104</v>
      </c>
      <c r="D125" s="71" t="s">
        <v>773</v>
      </c>
      <c r="E125" s="10"/>
    </row>
    <row r="126" spans="1:5" x14ac:dyDescent="0.15">
      <c r="A126" s="5" t="s">
        <v>197</v>
      </c>
      <c r="B126" s="86">
        <v>2</v>
      </c>
      <c r="C126" s="70">
        <v>2105</v>
      </c>
      <c r="D126" s="71" t="s">
        <v>186</v>
      </c>
      <c r="E126" s="10"/>
    </row>
    <row r="127" spans="1:5" x14ac:dyDescent="0.15">
      <c r="A127" s="5" t="s">
        <v>198</v>
      </c>
      <c r="B127" s="86">
        <v>2</v>
      </c>
      <c r="C127" s="70">
        <v>2106</v>
      </c>
      <c r="D127" s="71" t="s">
        <v>188</v>
      </c>
      <c r="E127" s="10"/>
    </row>
    <row r="128" spans="1:5" x14ac:dyDescent="0.15">
      <c r="A128" s="5" t="s">
        <v>200</v>
      </c>
      <c r="B128" s="86">
        <v>2</v>
      </c>
      <c r="C128" s="70">
        <v>2107</v>
      </c>
      <c r="D128" s="73" t="s">
        <v>190</v>
      </c>
      <c r="E128" s="10"/>
    </row>
    <row r="129" spans="1:5" x14ac:dyDescent="0.15">
      <c r="A129" s="5" t="s">
        <v>202</v>
      </c>
      <c r="B129" s="86">
        <v>2</v>
      </c>
      <c r="C129" s="70">
        <v>2108</v>
      </c>
      <c r="D129" s="71" t="s">
        <v>192</v>
      </c>
      <c r="E129" s="10"/>
    </row>
    <row r="130" spans="1:5" x14ac:dyDescent="0.15">
      <c r="A130" s="5" t="s">
        <v>204</v>
      </c>
      <c r="B130" s="86">
        <v>2</v>
      </c>
      <c r="C130" s="70">
        <v>2109</v>
      </c>
      <c r="D130" s="71" t="s">
        <v>194</v>
      </c>
      <c r="E130" s="10"/>
    </row>
    <row r="131" spans="1:5" x14ac:dyDescent="0.15">
      <c r="A131" s="5" t="s">
        <v>206</v>
      </c>
      <c r="B131" s="86">
        <v>2</v>
      </c>
      <c r="C131" s="70">
        <v>2110</v>
      </c>
      <c r="D131" s="71" t="s">
        <v>774</v>
      </c>
      <c r="E131" s="10"/>
    </row>
    <row r="132" spans="1:5" x14ac:dyDescent="0.15">
      <c r="A132" s="5" t="s">
        <v>207</v>
      </c>
      <c r="B132" s="86">
        <v>2</v>
      </c>
      <c r="C132" s="70">
        <v>2111</v>
      </c>
      <c r="D132" s="71" t="s">
        <v>821</v>
      </c>
      <c r="E132" s="10"/>
    </row>
    <row r="133" spans="1:5" x14ac:dyDescent="0.15">
      <c r="A133" s="5" t="s">
        <v>208</v>
      </c>
      <c r="B133" s="86">
        <v>2</v>
      </c>
      <c r="C133" s="70">
        <v>2112</v>
      </c>
      <c r="D133" s="71" t="s">
        <v>775</v>
      </c>
      <c r="E133" s="10"/>
    </row>
    <row r="134" spans="1:5" x14ac:dyDescent="0.15">
      <c r="A134" s="5" t="s">
        <v>210</v>
      </c>
      <c r="B134" s="86">
        <v>2</v>
      </c>
      <c r="C134" s="70">
        <v>2113</v>
      </c>
      <c r="D134" s="71" t="s">
        <v>199</v>
      </c>
      <c r="E134" s="10"/>
    </row>
    <row r="135" spans="1:5" x14ac:dyDescent="0.15">
      <c r="A135" s="5" t="s">
        <v>212</v>
      </c>
      <c r="B135" s="86">
        <v>2</v>
      </c>
      <c r="C135" s="70">
        <v>2114</v>
      </c>
      <c r="D135" s="71" t="s">
        <v>201</v>
      </c>
      <c r="E135" s="10"/>
    </row>
    <row r="136" spans="1:5" x14ac:dyDescent="0.15">
      <c r="A136" s="5" t="s">
        <v>213</v>
      </c>
      <c r="B136" s="86">
        <v>2</v>
      </c>
      <c r="C136" s="70">
        <v>2115</v>
      </c>
      <c r="D136" s="71" t="s">
        <v>203</v>
      </c>
      <c r="E136" s="10"/>
    </row>
    <row r="137" spans="1:5" x14ac:dyDescent="0.15">
      <c r="A137" s="5" t="s">
        <v>214</v>
      </c>
      <c r="B137" s="86">
        <v>2</v>
      </c>
      <c r="C137" s="70">
        <v>2116</v>
      </c>
      <c r="D137" s="71" t="s">
        <v>205</v>
      </c>
      <c r="E137" s="10"/>
    </row>
    <row r="138" spans="1:5" x14ac:dyDescent="0.15">
      <c r="A138" s="5" t="s">
        <v>215</v>
      </c>
      <c r="B138" s="86">
        <v>2</v>
      </c>
      <c r="C138" s="70">
        <v>2117</v>
      </c>
      <c r="D138" s="71" t="s">
        <v>776</v>
      </c>
      <c r="E138" s="10"/>
    </row>
    <row r="139" spans="1:5" x14ac:dyDescent="0.15">
      <c r="A139" s="5" t="s">
        <v>216</v>
      </c>
      <c r="B139" s="86">
        <v>2</v>
      </c>
      <c r="C139" s="70">
        <v>2118</v>
      </c>
      <c r="D139" s="71" t="s">
        <v>777</v>
      </c>
      <c r="E139" s="10"/>
    </row>
    <row r="140" spans="1:5" x14ac:dyDescent="0.15">
      <c r="A140" s="6"/>
      <c r="B140" s="86">
        <v>2</v>
      </c>
      <c r="C140" s="70">
        <v>2119</v>
      </c>
      <c r="D140" s="71" t="s">
        <v>209</v>
      </c>
      <c r="E140" s="10"/>
    </row>
    <row r="141" spans="1:5" ht="14.25" thickBot="1" x14ac:dyDescent="0.2">
      <c r="A141" s="8" t="s">
        <v>218</v>
      </c>
      <c r="B141" s="86">
        <v>2</v>
      </c>
      <c r="C141" s="70">
        <v>2120</v>
      </c>
      <c r="D141" s="71" t="s">
        <v>211</v>
      </c>
      <c r="E141" s="10"/>
    </row>
    <row r="142" spans="1:5" x14ac:dyDescent="0.15">
      <c r="A142" s="3" t="s">
        <v>220</v>
      </c>
      <c r="B142" s="86">
        <v>2</v>
      </c>
      <c r="C142" s="70">
        <v>2121</v>
      </c>
      <c r="D142" s="71" t="s">
        <v>778</v>
      </c>
      <c r="E142" s="10"/>
    </row>
    <row r="143" spans="1:5" x14ac:dyDescent="0.15">
      <c r="A143" s="5" t="s">
        <v>222</v>
      </c>
      <c r="B143" s="86">
        <v>2</v>
      </c>
      <c r="C143" s="70">
        <v>2122</v>
      </c>
      <c r="D143" s="71" t="s">
        <v>779</v>
      </c>
      <c r="E143" s="10"/>
    </row>
    <row r="144" spans="1:5" x14ac:dyDescent="0.15">
      <c r="A144" s="5" t="s">
        <v>224</v>
      </c>
      <c r="B144" s="86">
        <v>2</v>
      </c>
      <c r="C144" s="70">
        <v>2123</v>
      </c>
      <c r="D144" s="71" t="s">
        <v>780</v>
      </c>
      <c r="E144" s="10"/>
    </row>
    <row r="145" spans="1:5" x14ac:dyDescent="0.15">
      <c r="A145" s="5" t="s">
        <v>226</v>
      </c>
      <c r="B145" s="86">
        <v>2</v>
      </c>
      <c r="C145" s="70">
        <v>2124</v>
      </c>
      <c r="D145" s="71" t="s">
        <v>781</v>
      </c>
      <c r="E145" s="10"/>
    </row>
    <row r="146" spans="1:5" x14ac:dyDescent="0.15">
      <c r="A146" s="5" t="s">
        <v>228</v>
      </c>
      <c r="B146" s="86">
        <v>2</v>
      </c>
      <c r="C146" s="70">
        <v>2125</v>
      </c>
      <c r="D146" s="71" t="s">
        <v>217</v>
      </c>
      <c r="E146" s="10"/>
    </row>
    <row r="147" spans="1:5" x14ac:dyDescent="0.15">
      <c r="A147" s="5" t="s">
        <v>230</v>
      </c>
      <c r="B147" s="86">
        <v>2</v>
      </c>
      <c r="C147" s="70">
        <v>2126</v>
      </c>
      <c r="D147" s="71" t="s">
        <v>782</v>
      </c>
      <c r="E147" s="10"/>
    </row>
    <row r="148" spans="1:5" ht="14.25" thickBot="1" x14ac:dyDescent="0.2">
      <c r="A148" s="5" t="s">
        <v>232</v>
      </c>
      <c r="B148" s="91">
        <v>2</v>
      </c>
      <c r="C148" s="92">
        <v>2200</v>
      </c>
      <c r="D148" s="93" t="s">
        <v>219</v>
      </c>
      <c r="E148" s="94"/>
    </row>
    <row r="149" spans="1:5" x14ac:dyDescent="0.15">
      <c r="A149" s="5" t="s">
        <v>234</v>
      </c>
      <c r="B149" s="82">
        <v>3</v>
      </c>
      <c r="C149" s="83">
        <v>3001</v>
      </c>
      <c r="D149" s="84" t="s">
        <v>221</v>
      </c>
      <c r="E149" s="85"/>
    </row>
    <row r="150" spans="1:5" x14ac:dyDescent="0.15">
      <c r="A150" s="5" t="s">
        <v>236</v>
      </c>
      <c r="B150" s="86">
        <v>3</v>
      </c>
      <c r="C150" s="70">
        <v>3002</v>
      </c>
      <c r="D150" s="71" t="s">
        <v>223</v>
      </c>
      <c r="E150" s="10"/>
    </row>
    <row r="151" spans="1:5" x14ac:dyDescent="0.15">
      <c r="A151" s="5" t="s">
        <v>238</v>
      </c>
      <c r="B151" s="86">
        <v>3</v>
      </c>
      <c r="C151" s="70">
        <v>3003</v>
      </c>
      <c r="D151" s="71" t="s">
        <v>225</v>
      </c>
      <c r="E151" s="10"/>
    </row>
    <row r="152" spans="1:5" x14ac:dyDescent="0.15">
      <c r="A152" s="5" t="s">
        <v>240</v>
      </c>
      <c r="B152" s="86">
        <v>3</v>
      </c>
      <c r="C152" s="70">
        <v>3004</v>
      </c>
      <c r="D152" s="71" t="s">
        <v>227</v>
      </c>
      <c r="E152" s="10"/>
    </row>
    <row r="153" spans="1:5" x14ac:dyDescent="0.15">
      <c r="A153" s="5" t="s">
        <v>242</v>
      </c>
      <c r="B153" s="86">
        <v>3</v>
      </c>
      <c r="C153" s="70">
        <v>3005</v>
      </c>
      <c r="D153" s="71" t="s">
        <v>229</v>
      </c>
      <c r="E153" s="10"/>
    </row>
    <row r="154" spans="1:5" x14ac:dyDescent="0.15">
      <c r="A154" s="5" t="s">
        <v>242</v>
      </c>
      <c r="B154" s="86">
        <v>3</v>
      </c>
      <c r="C154" s="70">
        <v>3006</v>
      </c>
      <c r="D154" s="71" t="s">
        <v>231</v>
      </c>
      <c r="E154" s="10"/>
    </row>
    <row r="155" spans="1:5" x14ac:dyDescent="0.15">
      <c r="A155" s="5" t="s">
        <v>245</v>
      </c>
      <c r="B155" s="86">
        <v>3</v>
      </c>
      <c r="C155" s="70">
        <v>3007</v>
      </c>
      <c r="D155" s="71" t="s">
        <v>233</v>
      </c>
      <c r="E155" s="10"/>
    </row>
    <row r="156" spans="1:5" x14ac:dyDescent="0.15">
      <c r="A156" s="5" t="s">
        <v>246</v>
      </c>
      <c r="B156" s="86">
        <v>3</v>
      </c>
      <c r="C156" s="70">
        <v>3008</v>
      </c>
      <c r="D156" s="71" t="s">
        <v>235</v>
      </c>
      <c r="E156" s="10"/>
    </row>
    <row r="157" spans="1:5" x14ac:dyDescent="0.15">
      <c r="A157" s="5" t="s">
        <v>248</v>
      </c>
      <c r="B157" s="86">
        <v>3</v>
      </c>
      <c r="C157" s="70">
        <v>3009</v>
      </c>
      <c r="D157" s="71" t="s">
        <v>237</v>
      </c>
      <c r="E157" s="10"/>
    </row>
    <row r="158" spans="1:5" x14ac:dyDescent="0.15">
      <c r="A158" s="5" t="s">
        <v>250</v>
      </c>
      <c r="B158" s="86">
        <v>3</v>
      </c>
      <c r="C158" s="70">
        <v>3010</v>
      </c>
      <c r="D158" s="71" t="s">
        <v>239</v>
      </c>
      <c r="E158" s="10"/>
    </row>
    <row r="159" spans="1:5" x14ac:dyDescent="0.15">
      <c r="A159" s="5" t="s">
        <v>252</v>
      </c>
      <c r="B159" s="86">
        <v>3</v>
      </c>
      <c r="C159" s="70">
        <v>3011</v>
      </c>
      <c r="D159" s="71" t="s">
        <v>241</v>
      </c>
      <c r="E159" s="10"/>
    </row>
    <row r="160" spans="1:5" x14ac:dyDescent="0.15">
      <c r="A160" s="5" t="s">
        <v>254</v>
      </c>
      <c r="B160" s="86">
        <v>3</v>
      </c>
      <c r="C160" s="70">
        <v>3012</v>
      </c>
      <c r="D160" s="71" t="s">
        <v>243</v>
      </c>
      <c r="E160" s="10"/>
    </row>
    <row r="161" spans="1:5" x14ac:dyDescent="0.15">
      <c r="A161" s="5" t="s">
        <v>256</v>
      </c>
      <c r="B161" s="86">
        <v>3</v>
      </c>
      <c r="C161" s="70">
        <v>3013</v>
      </c>
      <c r="D161" s="71" t="s">
        <v>244</v>
      </c>
      <c r="E161" s="10"/>
    </row>
    <row r="162" spans="1:5" x14ac:dyDescent="0.15">
      <c r="A162" s="5" t="s">
        <v>258</v>
      </c>
      <c r="B162" s="86">
        <v>3</v>
      </c>
      <c r="C162" s="70">
        <v>3014</v>
      </c>
      <c r="D162" s="71" t="s">
        <v>784</v>
      </c>
      <c r="E162" s="10"/>
    </row>
    <row r="163" spans="1:5" x14ac:dyDescent="0.15">
      <c r="A163" s="5" t="s">
        <v>260</v>
      </c>
      <c r="B163" s="86">
        <v>3</v>
      </c>
      <c r="C163" s="70">
        <v>3015</v>
      </c>
      <c r="D163" s="71" t="s">
        <v>247</v>
      </c>
      <c r="E163" s="10"/>
    </row>
    <row r="164" spans="1:5" x14ac:dyDescent="0.15">
      <c r="A164" s="5" t="s">
        <v>262</v>
      </c>
      <c r="B164" s="86">
        <v>3</v>
      </c>
      <c r="C164" s="70">
        <v>3016</v>
      </c>
      <c r="D164" s="71" t="s">
        <v>249</v>
      </c>
      <c r="E164" s="10"/>
    </row>
    <row r="165" spans="1:5" x14ac:dyDescent="0.15">
      <c r="A165" s="5" t="s">
        <v>264</v>
      </c>
      <c r="B165" s="86">
        <v>3</v>
      </c>
      <c r="C165" s="70">
        <v>3017</v>
      </c>
      <c r="D165" s="71" t="s">
        <v>251</v>
      </c>
      <c r="E165" s="10"/>
    </row>
    <row r="166" spans="1:5" x14ac:dyDescent="0.15">
      <c r="A166" s="5" t="s">
        <v>264</v>
      </c>
      <c r="B166" s="86">
        <v>3</v>
      </c>
      <c r="C166" s="70">
        <v>3018</v>
      </c>
      <c r="D166" s="71" t="s">
        <v>253</v>
      </c>
      <c r="E166" s="10"/>
    </row>
    <row r="167" spans="1:5" x14ac:dyDescent="0.15">
      <c r="A167" s="5" t="s">
        <v>267</v>
      </c>
      <c r="B167" s="86">
        <v>3</v>
      </c>
      <c r="C167" s="70">
        <v>3019</v>
      </c>
      <c r="D167" s="71" t="s">
        <v>255</v>
      </c>
      <c r="E167" s="10"/>
    </row>
    <row r="168" spans="1:5" x14ac:dyDescent="0.15">
      <c r="A168" s="5" t="s">
        <v>267</v>
      </c>
      <c r="B168" s="86">
        <v>3</v>
      </c>
      <c r="C168" s="70">
        <v>3020</v>
      </c>
      <c r="D168" s="71" t="s">
        <v>257</v>
      </c>
      <c r="E168" s="10"/>
    </row>
    <row r="169" spans="1:5" x14ac:dyDescent="0.15">
      <c r="A169" s="5" t="s">
        <v>270</v>
      </c>
      <c r="B169" s="86">
        <v>3</v>
      </c>
      <c r="C169" s="70">
        <v>3021</v>
      </c>
      <c r="D169" s="71" t="s">
        <v>259</v>
      </c>
      <c r="E169" s="10"/>
    </row>
    <row r="170" spans="1:5" x14ac:dyDescent="0.15">
      <c r="A170" s="5"/>
      <c r="B170" s="86">
        <v>3</v>
      </c>
      <c r="C170" s="70">
        <v>3022</v>
      </c>
      <c r="D170" s="71" t="s">
        <v>261</v>
      </c>
      <c r="E170" s="10"/>
    </row>
    <row r="171" spans="1:5" x14ac:dyDescent="0.15">
      <c r="A171" s="5" t="s">
        <v>272</v>
      </c>
      <c r="B171" s="86">
        <v>3</v>
      </c>
      <c r="C171" s="70">
        <v>3023</v>
      </c>
      <c r="D171" s="71" t="s">
        <v>263</v>
      </c>
      <c r="E171" s="10"/>
    </row>
    <row r="172" spans="1:5" x14ac:dyDescent="0.15">
      <c r="A172" s="5" t="s">
        <v>273</v>
      </c>
      <c r="B172" s="86">
        <v>3</v>
      </c>
      <c r="C172" s="70">
        <v>3024</v>
      </c>
      <c r="D172" s="71" t="s">
        <v>265</v>
      </c>
      <c r="E172" s="10"/>
    </row>
    <row r="173" spans="1:5" x14ac:dyDescent="0.15">
      <c r="A173" s="5" t="s">
        <v>274</v>
      </c>
      <c r="B173" s="86">
        <v>3</v>
      </c>
      <c r="C173" s="70">
        <v>3025</v>
      </c>
      <c r="D173" s="71" t="s">
        <v>266</v>
      </c>
      <c r="E173" s="10"/>
    </row>
    <row r="174" spans="1:5" x14ac:dyDescent="0.15">
      <c r="A174" s="5" t="s">
        <v>274</v>
      </c>
      <c r="B174" s="86">
        <v>3</v>
      </c>
      <c r="C174" s="70">
        <v>3026</v>
      </c>
      <c r="D174" s="71" t="s">
        <v>268</v>
      </c>
      <c r="E174" s="10"/>
    </row>
    <row r="175" spans="1:5" x14ac:dyDescent="0.15">
      <c r="A175" s="5" t="s">
        <v>276</v>
      </c>
      <c r="B175" s="86">
        <v>3</v>
      </c>
      <c r="C175" s="70">
        <v>3027</v>
      </c>
      <c r="D175" s="71" t="s">
        <v>269</v>
      </c>
      <c r="E175" s="10"/>
    </row>
    <row r="176" spans="1:5" x14ac:dyDescent="0.15">
      <c r="A176" s="5" t="s">
        <v>278</v>
      </c>
      <c r="B176" s="86">
        <v>3</v>
      </c>
      <c r="C176" s="70">
        <v>3028</v>
      </c>
      <c r="D176" s="71" t="s">
        <v>785</v>
      </c>
      <c r="E176" s="10"/>
    </row>
    <row r="177" spans="1:5" x14ac:dyDescent="0.15">
      <c r="A177" s="5" t="s">
        <v>280</v>
      </c>
      <c r="B177" s="86">
        <v>3</v>
      </c>
      <c r="C177" s="70">
        <v>3029</v>
      </c>
      <c r="D177" s="71" t="s">
        <v>271</v>
      </c>
      <c r="E177" s="10"/>
    </row>
    <row r="178" spans="1:5" x14ac:dyDescent="0.15">
      <c r="A178" s="5" t="s">
        <v>282</v>
      </c>
      <c r="B178" s="86">
        <v>3</v>
      </c>
      <c r="C178" s="70">
        <v>3030</v>
      </c>
      <c r="D178" s="71" t="s">
        <v>786</v>
      </c>
      <c r="E178" s="10"/>
    </row>
    <row r="179" spans="1:5" x14ac:dyDescent="0.15">
      <c r="A179" s="5" t="s">
        <v>284</v>
      </c>
      <c r="B179" s="86">
        <v>3</v>
      </c>
      <c r="C179" s="70">
        <v>3031</v>
      </c>
      <c r="D179" s="71"/>
      <c r="E179" s="10"/>
    </row>
    <row r="180" spans="1:5" x14ac:dyDescent="0.15">
      <c r="A180" s="5" t="s">
        <v>284</v>
      </c>
      <c r="B180" s="86">
        <v>3</v>
      </c>
      <c r="C180" s="70">
        <v>3032</v>
      </c>
      <c r="D180" s="71"/>
      <c r="E180" s="10"/>
    </row>
    <row r="181" spans="1:5" x14ac:dyDescent="0.15">
      <c r="A181" s="5" t="s">
        <v>287</v>
      </c>
      <c r="B181" s="86">
        <v>3</v>
      </c>
      <c r="C181" s="70">
        <v>3033</v>
      </c>
      <c r="D181" s="71" t="s">
        <v>275</v>
      </c>
      <c r="E181" s="10"/>
    </row>
    <row r="182" spans="1:5" x14ac:dyDescent="0.15">
      <c r="A182" s="5" t="s">
        <v>288</v>
      </c>
      <c r="B182" s="86">
        <v>3</v>
      </c>
      <c r="C182" s="70">
        <v>3034</v>
      </c>
      <c r="D182" s="71" t="s">
        <v>277</v>
      </c>
      <c r="E182" s="10"/>
    </row>
    <row r="183" spans="1:5" x14ac:dyDescent="0.15">
      <c r="A183" s="5" t="s">
        <v>290</v>
      </c>
      <c r="B183" s="86">
        <v>3</v>
      </c>
      <c r="C183" s="70">
        <v>3035</v>
      </c>
      <c r="D183" s="71" t="s">
        <v>279</v>
      </c>
      <c r="E183" s="10"/>
    </row>
    <row r="184" spans="1:5" x14ac:dyDescent="0.15">
      <c r="A184" s="5" t="s">
        <v>292</v>
      </c>
      <c r="B184" s="86">
        <v>3</v>
      </c>
      <c r="C184" s="70">
        <v>3036</v>
      </c>
      <c r="D184" s="71" t="s">
        <v>281</v>
      </c>
      <c r="E184" s="10"/>
    </row>
    <row r="185" spans="1:5" x14ac:dyDescent="0.15">
      <c r="A185" s="5" t="s">
        <v>294</v>
      </c>
      <c r="B185" s="86">
        <v>3</v>
      </c>
      <c r="C185" s="70">
        <v>3037</v>
      </c>
      <c r="D185" s="71" t="s">
        <v>283</v>
      </c>
      <c r="E185" s="10"/>
    </row>
    <row r="186" spans="1:5" x14ac:dyDescent="0.15">
      <c r="A186" s="5" t="s">
        <v>295</v>
      </c>
      <c r="B186" s="86">
        <v>3</v>
      </c>
      <c r="C186" s="70">
        <v>3038</v>
      </c>
      <c r="D186" s="71" t="s">
        <v>285</v>
      </c>
      <c r="E186" s="10"/>
    </row>
    <row r="187" spans="1:5" x14ac:dyDescent="0.15">
      <c r="A187" s="5" t="s">
        <v>296</v>
      </c>
      <c r="B187" s="86">
        <v>3</v>
      </c>
      <c r="C187" s="70">
        <v>3039</v>
      </c>
      <c r="D187" s="71" t="s">
        <v>286</v>
      </c>
      <c r="E187" s="10"/>
    </row>
    <row r="188" spans="1:5" x14ac:dyDescent="0.15">
      <c r="A188" s="5" t="s">
        <v>297</v>
      </c>
      <c r="B188" s="86">
        <v>3</v>
      </c>
      <c r="C188" s="70">
        <v>3040</v>
      </c>
      <c r="D188" s="71" t="s">
        <v>787</v>
      </c>
      <c r="E188" s="10"/>
    </row>
    <row r="189" spans="1:5" ht="14.25" thickBot="1" x14ac:dyDescent="0.2">
      <c r="A189" s="6" t="s">
        <v>299</v>
      </c>
      <c r="B189" s="86">
        <v>3</v>
      </c>
      <c r="C189" s="70">
        <v>3041</v>
      </c>
      <c r="D189" s="71" t="s">
        <v>289</v>
      </c>
      <c r="E189" s="10"/>
    </row>
    <row r="190" spans="1:5" x14ac:dyDescent="0.15">
      <c r="A190" s="7" t="s">
        <v>300</v>
      </c>
      <c r="B190" s="86">
        <v>3</v>
      </c>
      <c r="C190" s="70">
        <v>3042</v>
      </c>
      <c r="D190" s="71" t="s">
        <v>291</v>
      </c>
      <c r="E190" s="10"/>
    </row>
    <row r="191" spans="1:5" x14ac:dyDescent="0.15">
      <c r="A191" s="5" t="s">
        <v>301</v>
      </c>
      <c r="B191" s="86">
        <v>3</v>
      </c>
      <c r="C191" s="70">
        <v>3043</v>
      </c>
      <c r="D191" s="71" t="s">
        <v>293</v>
      </c>
      <c r="E191" s="10"/>
    </row>
    <row r="192" spans="1:5" x14ac:dyDescent="0.15">
      <c r="A192" s="5" t="s">
        <v>303</v>
      </c>
      <c r="B192" s="86">
        <v>3</v>
      </c>
      <c r="C192" s="70">
        <v>3044</v>
      </c>
      <c r="D192" s="71" t="s">
        <v>788</v>
      </c>
      <c r="E192" s="10"/>
    </row>
    <row r="193" spans="1:5" x14ac:dyDescent="0.15">
      <c r="A193" s="5" t="s">
        <v>305</v>
      </c>
      <c r="B193" s="86">
        <v>3</v>
      </c>
      <c r="C193" s="70">
        <v>3045</v>
      </c>
      <c r="D193" s="72" t="s">
        <v>789</v>
      </c>
      <c r="E193" s="10"/>
    </row>
    <row r="194" spans="1:5" x14ac:dyDescent="0.15">
      <c r="A194" s="5" t="s">
        <v>307</v>
      </c>
      <c r="B194" s="86">
        <v>3</v>
      </c>
      <c r="C194" s="70">
        <v>3046</v>
      </c>
      <c r="D194" s="71"/>
      <c r="E194" s="10"/>
    </row>
    <row r="195" spans="1:5" x14ac:dyDescent="0.15">
      <c r="A195" s="5" t="s">
        <v>309</v>
      </c>
      <c r="B195" s="86">
        <v>3</v>
      </c>
      <c r="C195" s="70">
        <v>3101</v>
      </c>
      <c r="D195" s="71" t="s">
        <v>298</v>
      </c>
      <c r="E195" s="10"/>
    </row>
    <row r="196" spans="1:5" x14ac:dyDescent="0.15">
      <c r="A196" s="5" t="s">
        <v>309</v>
      </c>
      <c r="B196" s="86">
        <v>3</v>
      </c>
      <c r="C196" s="70">
        <v>3102</v>
      </c>
      <c r="D196" s="71" t="s">
        <v>790</v>
      </c>
      <c r="E196" s="10"/>
    </row>
    <row r="197" spans="1:5" ht="14.25" thickBot="1" x14ac:dyDescent="0.2">
      <c r="A197" s="5" t="s">
        <v>312</v>
      </c>
      <c r="B197" s="87">
        <v>3</v>
      </c>
      <c r="C197" s="77">
        <v>3200</v>
      </c>
      <c r="D197" s="78" t="s">
        <v>791</v>
      </c>
      <c r="E197" s="11"/>
    </row>
    <row r="198" spans="1:5" x14ac:dyDescent="0.15">
      <c r="A198" s="5" t="s">
        <v>314</v>
      </c>
      <c r="B198" s="88">
        <v>4</v>
      </c>
      <c r="C198" s="75">
        <v>4001</v>
      </c>
      <c r="D198" s="76" t="s">
        <v>302</v>
      </c>
      <c r="E198" s="12"/>
    </row>
    <row r="199" spans="1:5" x14ac:dyDescent="0.15">
      <c r="A199" s="5" t="s">
        <v>316</v>
      </c>
      <c r="B199" s="86">
        <v>4</v>
      </c>
      <c r="C199" s="70">
        <v>4002</v>
      </c>
      <c r="D199" s="71" t="s">
        <v>304</v>
      </c>
      <c r="E199" s="10"/>
    </row>
    <row r="200" spans="1:5" x14ac:dyDescent="0.15">
      <c r="A200" s="5" t="s">
        <v>318</v>
      </c>
      <c r="B200" s="86">
        <v>4</v>
      </c>
      <c r="C200" s="70">
        <v>4003</v>
      </c>
      <c r="D200" s="71" t="s">
        <v>306</v>
      </c>
      <c r="E200" s="10"/>
    </row>
    <row r="201" spans="1:5" x14ac:dyDescent="0.15">
      <c r="A201" s="5" t="s">
        <v>320</v>
      </c>
      <c r="B201" s="86">
        <v>4</v>
      </c>
      <c r="C201" s="70">
        <v>4004</v>
      </c>
      <c r="D201" s="71" t="s">
        <v>308</v>
      </c>
      <c r="E201" s="10"/>
    </row>
    <row r="202" spans="1:5" x14ac:dyDescent="0.15">
      <c r="A202" s="5" t="s">
        <v>320</v>
      </c>
      <c r="B202" s="86">
        <v>4</v>
      </c>
      <c r="C202" s="70">
        <v>4005</v>
      </c>
      <c r="D202" s="71" t="s">
        <v>310</v>
      </c>
      <c r="E202" s="10"/>
    </row>
    <row r="203" spans="1:5" x14ac:dyDescent="0.15">
      <c r="A203" s="5" t="s">
        <v>323</v>
      </c>
      <c r="B203" s="86">
        <v>4</v>
      </c>
      <c r="C203" s="70">
        <v>4006</v>
      </c>
      <c r="D203" s="71" t="s">
        <v>311</v>
      </c>
      <c r="E203" s="10"/>
    </row>
    <row r="204" spans="1:5" x14ac:dyDescent="0.15">
      <c r="A204" s="5" t="s">
        <v>325</v>
      </c>
      <c r="B204" s="86">
        <v>4</v>
      </c>
      <c r="C204" s="70">
        <v>4007</v>
      </c>
      <c r="D204" s="71" t="s">
        <v>313</v>
      </c>
      <c r="E204" s="10"/>
    </row>
    <row r="205" spans="1:5" x14ac:dyDescent="0.15">
      <c r="A205" s="5" t="s">
        <v>327</v>
      </c>
      <c r="B205" s="86">
        <v>4</v>
      </c>
      <c r="C205" s="70">
        <v>4008</v>
      </c>
      <c r="D205" s="71" t="s">
        <v>315</v>
      </c>
      <c r="E205" s="10"/>
    </row>
    <row r="206" spans="1:5" x14ac:dyDescent="0.15">
      <c r="A206" s="5" t="s">
        <v>329</v>
      </c>
      <c r="B206" s="86">
        <v>4</v>
      </c>
      <c r="C206" s="70">
        <v>4009</v>
      </c>
      <c r="D206" s="71" t="s">
        <v>317</v>
      </c>
      <c r="E206" s="10"/>
    </row>
    <row r="207" spans="1:5" x14ac:dyDescent="0.15">
      <c r="A207" s="5" t="s">
        <v>331</v>
      </c>
      <c r="B207" s="86">
        <v>4</v>
      </c>
      <c r="C207" s="70">
        <v>4010</v>
      </c>
      <c r="D207" s="71" t="s">
        <v>319</v>
      </c>
      <c r="E207" s="10"/>
    </row>
    <row r="208" spans="1:5" x14ac:dyDescent="0.15">
      <c r="A208" s="5" t="s">
        <v>333</v>
      </c>
      <c r="B208" s="86">
        <v>4</v>
      </c>
      <c r="C208" s="70">
        <v>4011</v>
      </c>
      <c r="D208" s="71" t="s">
        <v>321</v>
      </c>
      <c r="E208" s="10"/>
    </row>
    <row r="209" spans="1:5" x14ac:dyDescent="0.15">
      <c r="A209" s="5" t="s">
        <v>335</v>
      </c>
      <c r="B209" s="86">
        <v>4</v>
      </c>
      <c r="C209" s="70">
        <v>4012</v>
      </c>
      <c r="D209" s="71" t="s">
        <v>322</v>
      </c>
      <c r="E209" s="10"/>
    </row>
    <row r="210" spans="1:5" x14ac:dyDescent="0.15">
      <c r="A210" s="5" t="s">
        <v>335</v>
      </c>
      <c r="B210" s="86">
        <v>4</v>
      </c>
      <c r="C210" s="70">
        <v>4013</v>
      </c>
      <c r="D210" s="71" t="s">
        <v>324</v>
      </c>
      <c r="E210" s="10"/>
    </row>
    <row r="211" spans="1:5" x14ac:dyDescent="0.15">
      <c r="A211" s="5" t="s">
        <v>338</v>
      </c>
      <c r="B211" s="86">
        <v>4</v>
      </c>
      <c r="C211" s="70">
        <v>4014</v>
      </c>
      <c r="D211" s="71" t="s">
        <v>326</v>
      </c>
      <c r="E211" s="10"/>
    </row>
    <row r="212" spans="1:5" x14ac:dyDescent="0.15">
      <c r="A212" s="5" t="s">
        <v>339</v>
      </c>
      <c r="B212" s="86">
        <v>4</v>
      </c>
      <c r="C212" s="70">
        <v>4015</v>
      </c>
      <c r="D212" s="71" t="s">
        <v>328</v>
      </c>
      <c r="E212" s="10"/>
    </row>
    <row r="213" spans="1:5" x14ac:dyDescent="0.15">
      <c r="A213" s="5" t="s">
        <v>341</v>
      </c>
      <c r="B213" s="86">
        <v>4</v>
      </c>
      <c r="C213" s="70">
        <v>4016</v>
      </c>
      <c r="D213" s="71" t="s">
        <v>330</v>
      </c>
      <c r="E213" s="10"/>
    </row>
    <row r="214" spans="1:5" x14ac:dyDescent="0.15">
      <c r="A214" s="5" t="s">
        <v>343</v>
      </c>
      <c r="B214" s="86">
        <v>4</v>
      </c>
      <c r="C214" s="70">
        <v>4017</v>
      </c>
      <c r="D214" s="71" t="s">
        <v>332</v>
      </c>
      <c r="E214" s="10"/>
    </row>
    <row r="215" spans="1:5" x14ac:dyDescent="0.15">
      <c r="A215" s="5" t="s">
        <v>345</v>
      </c>
      <c r="B215" s="86">
        <v>4</v>
      </c>
      <c r="C215" s="70">
        <v>4018</v>
      </c>
      <c r="D215" s="71" t="s">
        <v>334</v>
      </c>
      <c r="E215" s="10"/>
    </row>
    <row r="216" spans="1:5" x14ac:dyDescent="0.15">
      <c r="A216" s="5" t="s">
        <v>347</v>
      </c>
      <c r="B216" s="86">
        <v>4</v>
      </c>
      <c r="C216" s="70">
        <v>4019</v>
      </c>
      <c r="D216" s="71" t="s">
        <v>336</v>
      </c>
      <c r="E216" s="10"/>
    </row>
    <row r="217" spans="1:5" x14ac:dyDescent="0.15">
      <c r="A217" s="5" t="s">
        <v>349</v>
      </c>
      <c r="B217" s="86">
        <v>4</v>
      </c>
      <c r="C217" s="70">
        <v>4020</v>
      </c>
      <c r="D217" s="71" t="s">
        <v>337</v>
      </c>
      <c r="E217" s="10"/>
    </row>
    <row r="218" spans="1:5" x14ac:dyDescent="0.15">
      <c r="A218" s="5" t="s">
        <v>351</v>
      </c>
      <c r="B218" s="86">
        <v>4</v>
      </c>
      <c r="C218" s="70">
        <v>4021</v>
      </c>
      <c r="D218" s="71" t="s">
        <v>792</v>
      </c>
      <c r="E218" s="10"/>
    </row>
    <row r="219" spans="1:5" x14ac:dyDescent="0.15">
      <c r="A219" s="5" t="s">
        <v>353</v>
      </c>
      <c r="B219" s="86">
        <v>4</v>
      </c>
      <c r="C219" s="70">
        <v>4022</v>
      </c>
      <c r="D219" s="71" t="s">
        <v>340</v>
      </c>
      <c r="E219" s="10"/>
    </row>
    <row r="220" spans="1:5" x14ac:dyDescent="0.15">
      <c r="A220" s="5" t="s">
        <v>354</v>
      </c>
      <c r="B220" s="86">
        <v>4</v>
      </c>
      <c r="C220" s="70">
        <v>4023</v>
      </c>
      <c r="D220" s="71" t="s">
        <v>342</v>
      </c>
      <c r="E220" s="10"/>
    </row>
    <row r="221" spans="1:5" x14ac:dyDescent="0.15">
      <c r="A221" s="5" t="s">
        <v>356</v>
      </c>
      <c r="B221" s="86">
        <v>4</v>
      </c>
      <c r="C221" s="70">
        <v>4024</v>
      </c>
      <c r="D221" s="71" t="s">
        <v>344</v>
      </c>
      <c r="E221" s="10"/>
    </row>
    <row r="222" spans="1:5" x14ac:dyDescent="0.15">
      <c r="A222" s="5" t="s">
        <v>358</v>
      </c>
      <c r="B222" s="86">
        <v>4</v>
      </c>
      <c r="C222" s="70">
        <v>4025</v>
      </c>
      <c r="D222" s="71" t="s">
        <v>346</v>
      </c>
      <c r="E222" s="10"/>
    </row>
    <row r="223" spans="1:5" x14ac:dyDescent="0.15">
      <c r="A223" s="5" t="s">
        <v>360</v>
      </c>
      <c r="B223" s="86">
        <v>4</v>
      </c>
      <c r="C223" s="70">
        <v>4026</v>
      </c>
      <c r="D223" s="71" t="s">
        <v>348</v>
      </c>
      <c r="E223" s="10"/>
    </row>
    <row r="224" spans="1:5" x14ac:dyDescent="0.15">
      <c r="A224" s="9" t="s">
        <v>360</v>
      </c>
      <c r="B224" s="86">
        <v>4</v>
      </c>
      <c r="C224" s="70">
        <v>4027</v>
      </c>
      <c r="D224" s="71" t="s">
        <v>350</v>
      </c>
      <c r="E224" s="10"/>
    </row>
    <row r="225" spans="1:5" x14ac:dyDescent="0.15">
      <c r="A225" s="5" t="s">
        <v>363</v>
      </c>
      <c r="B225" s="86">
        <v>4</v>
      </c>
      <c r="C225" s="70">
        <v>4028</v>
      </c>
      <c r="D225" s="71" t="s">
        <v>352</v>
      </c>
      <c r="E225" s="10"/>
    </row>
    <row r="226" spans="1:5" x14ac:dyDescent="0.15">
      <c r="A226" s="5" t="s">
        <v>364</v>
      </c>
      <c r="B226" s="86">
        <v>4</v>
      </c>
      <c r="C226" s="70">
        <v>4029</v>
      </c>
      <c r="D226" s="71"/>
      <c r="E226" s="10"/>
    </row>
    <row r="227" spans="1:5" x14ac:dyDescent="0.15">
      <c r="A227" s="5" t="s">
        <v>364</v>
      </c>
      <c r="B227" s="86">
        <v>4</v>
      </c>
      <c r="C227" s="70">
        <v>4030</v>
      </c>
      <c r="D227" s="71" t="s">
        <v>355</v>
      </c>
      <c r="E227" s="10"/>
    </row>
    <row r="228" spans="1:5" x14ac:dyDescent="0.15">
      <c r="A228" s="5" t="s">
        <v>367</v>
      </c>
      <c r="B228" s="86">
        <v>4</v>
      </c>
      <c r="C228" s="70">
        <v>4031</v>
      </c>
      <c r="D228" s="71" t="s">
        <v>357</v>
      </c>
      <c r="E228" s="10"/>
    </row>
    <row r="229" spans="1:5" x14ac:dyDescent="0.15">
      <c r="A229" s="5" t="s">
        <v>367</v>
      </c>
      <c r="B229" s="86">
        <v>4</v>
      </c>
      <c r="C229" s="70">
        <v>4032</v>
      </c>
      <c r="D229" s="71" t="s">
        <v>359</v>
      </c>
      <c r="E229" s="10"/>
    </row>
    <row r="230" spans="1:5" x14ac:dyDescent="0.15">
      <c r="A230" s="5" t="s">
        <v>368</v>
      </c>
      <c r="B230" s="86">
        <v>4</v>
      </c>
      <c r="C230" s="70">
        <v>4033</v>
      </c>
      <c r="D230" s="71" t="s">
        <v>361</v>
      </c>
      <c r="E230" s="10"/>
    </row>
    <row r="231" spans="1:5" x14ac:dyDescent="0.15">
      <c r="A231" s="5" t="s">
        <v>369</v>
      </c>
      <c r="B231" s="86">
        <v>4</v>
      </c>
      <c r="C231" s="70">
        <v>4034</v>
      </c>
      <c r="D231" s="71" t="s">
        <v>362</v>
      </c>
      <c r="E231" s="10"/>
    </row>
    <row r="232" spans="1:5" x14ac:dyDescent="0.15">
      <c r="A232" s="5" t="s">
        <v>370</v>
      </c>
      <c r="B232" s="86">
        <v>4</v>
      </c>
      <c r="C232" s="70">
        <v>4035</v>
      </c>
      <c r="D232" s="71" t="s">
        <v>793</v>
      </c>
      <c r="E232" s="10"/>
    </row>
    <row r="233" spans="1:5" x14ac:dyDescent="0.15">
      <c r="A233" s="9" t="s">
        <v>372</v>
      </c>
      <c r="B233" s="86">
        <v>4</v>
      </c>
      <c r="C233" s="70">
        <v>4036</v>
      </c>
      <c r="D233" s="71" t="s">
        <v>365</v>
      </c>
      <c r="E233" s="10"/>
    </row>
    <row r="234" spans="1:5" x14ac:dyDescent="0.15">
      <c r="A234" s="9" t="s">
        <v>374</v>
      </c>
      <c r="B234" s="86">
        <v>4</v>
      </c>
      <c r="C234" s="70">
        <v>4037</v>
      </c>
      <c r="D234" s="71" t="s">
        <v>366</v>
      </c>
      <c r="E234" s="10"/>
    </row>
    <row r="235" spans="1:5" x14ac:dyDescent="0.15">
      <c r="A235" s="9" t="s">
        <v>375</v>
      </c>
      <c r="B235" s="86">
        <v>4</v>
      </c>
      <c r="C235" s="70">
        <v>4038</v>
      </c>
      <c r="D235" s="71" t="s">
        <v>794</v>
      </c>
      <c r="E235" s="10"/>
    </row>
    <row r="236" spans="1:5" x14ac:dyDescent="0.15">
      <c r="A236" s="9" t="s">
        <v>376</v>
      </c>
      <c r="B236" s="86">
        <v>4</v>
      </c>
      <c r="C236" s="70">
        <v>4039</v>
      </c>
      <c r="D236" s="71"/>
      <c r="E236" s="10"/>
    </row>
    <row r="237" spans="1:5" x14ac:dyDescent="0.15">
      <c r="A237" s="5" t="s">
        <v>377</v>
      </c>
      <c r="B237" s="86">
        <v>4</v>
      </c>
      <c r="C237" s="70">
        <v>4040</v>
      </c>
      <c r="D237" s="73"/>
      <c r="E237" s="10"/>
    </row>
    <row r="238" spans="1:5" x14ac:dyDescent="0.15">
      <c r="A238" s="5" t="s">
        <v>378</v>
      </c>
      <c r="B238" s="86">
        <v>4</v>
      </c>
      <c r="C238" s="70">
        <v>4041</v>
      </c>
      <c r="D238" s="71" t="s">
        <v>795</v>
      </c>
      <c r="E238" s="10"/>
    </row>
    <row r="239" spans="1:5" x14ac:dyDescent="0.15">
      <c r="A239" s="5"/>
      <c r="B239" s="86">
        <v>4</v>
      </c>
      <c r="C239" s="70">
        <v>4042</v>
      </c>
      <c r="D239" s="71" t="s">
        <v>371</v>
      </c>
      <c r="E239" s="10"/>
    </row>
    <row r="240" spans="1:5" x14ac:dyDescent="0.15">
      <c r="A240" s="9" t="s">
        <v>379</v>
      </c>
      <c r="B240" s="86">
        <v>4</v>
      </c>
      <c r="C240" s="70">
        <v>4043</v>
      </c>
      <c r="D240" s="73" t="s">
        <v>373</v>
      </c>
      <c r="E240" s="10"/>
    </row>
    <row r="241" spans="1:5" x14ac:dyDescent="0.15">
      <c r="A241" s="9" t="s">
        <v>380</v>
      </c>
      <c r="B241" s="86">
        <v>4</v>
      </c>
      <c r="C241" s="70">
        <v>4044</v>
      </c>
      <c r="D241" s="71" t="s">
        <v>796</v>
      </c>
      <c r="E241" s="10"/>
    </row>
    <row r="242" spans="1:5" x14ac:dyDescent="0.15">
      <c r="A242" s="9" t="s">
        <v>381</v>
      </c>
      <c r="B242" s="86">
        <v>4</v>
      </c>
      <c r="C242" s="70">
        <v>4045</v>
      </c>
      <c r="D242" s="71" t="s">
        <v>797</v>
      </c>
      <c r="E242" s="10"/>
    </row>
    <row r="243" spans="1:5" x14ac:dyDescent="0.15">
      <c r="A243" s="9" t="s">
        <v>383</v>
      </c>
      <c r="B243" s="86">
        <v>4</v>
      </c>
      <c r="C243" s="70">
        <v>4046</v>
      </c>
      <c r="D243" s="71" t="s">
        <v>798</v>
      </c>
      <c r="E243" s="10"/>
    </row>
    <row r="244" spans="1:5" x14ac:dyDescent="0.15">
      <c r="A244" s="9" t="s">
        <v>384</v>
      </c>
      <c r="B244" s="86">
        <v>4</v>
      </c>
      <c r="C244" s="70">
        <v>4047</v>
      </c>
      <c r="D244" s="71" t="s">
        <v>799</v>
      </c>
      <c r="E244" s="10"/>
    </row>
    <row r="245" spans="1:5" x14ac:dyDescent="0.15">
      <c r="A245" s="9" t="s">
        <v>386</v>
      </c>
      <c r="B245" s="86">
        <v>4</v>
      </c>
      <c r="C245" s="70">
        <v>4048</v>
      </c>
      <c r="D245" s="71"/>
      <c r="E245" s="10"/>
    </row>
    <row r="246" spans="1:5" x14ac:dyDescent="0.15">
      <c r="A246" s="9" t="s">
        <v>388</v>
      </c>
      <c r="B246" s="86">
        <v>4</v>
      </c>
      <c r="C246" s="70">
        <v>4049</v>
      </c>
      <c r="D246" s="71" t="s">
        <v>800</v>
      </c>
      <c r="E246" s="10"/>
    </row>
    <row r="247" spans="1:5" x14ac:dyDescent="0.15">
      <c r="A247" s="9" t="s">
        <v>389</v>
      </c>
      <c r="B247" s="86">
        <v>4</v>
      </c>
      <c r="C247" s="70">
        <v>4050</v>
      </c>
      <c r="D247" s="71" t="s">
        <v>801</v>
      </c>
      <c r="E247" s="10"/>
    </row>
    <row r="248" spans="1:5" x14ac:dyDescent="0.15">
      <c r="A248" s="9" t="s">
        <v>390</v>
      </c>
      <c r="B248" s="86">
        <v>4</v>
      </c>
      <c r="C248" s="70">
        <v>4051</v>
      </c>
      <c r="D248" s="72" t="s">
        <v>835</v>
      </c>
      <c r="E248" s="10"/>
    </row>
    <row r="249" spans="1:5" ht="14.25" thickBot="1" x14ac:dyDescent="0.2">
      <c r="A249" s="8" t="s">
        <v>391</v>
      </c>
      <c r="B249" s="86">
        <v>4</v>
      </c>
      <c r="C249" s="70">
        <v>4052</v>
      </c>
      <c r="D249" s="72" t="s">
        <v>802</v>
      </c>
      <c r="E249" s="10"/>
    </row>
    <row r="250" spans="1:5" x14ac:dyDescent="0.15">
      <c r="B250" s="86">
        <v>4</v>
      </c>
      <c r="C250" s="70">
        <v>4101</v>
      </c>
      <c r="D250" s="71" t="s">
        <v>803</v>
      </c>
      <c r="E250" s="10"/>
    </row>
    <row r="251" spans="1:5" x14ac:dyDescent="0.15">
      <c r="B251" s="86">
        <v>4</v>
      </c>
      <c r="C251" s="70">
        <v>4102</v>
      </c>
      <c r="D251" s="71" t="s">
        <v>382</v>
      </c>
      <c r="E251" s="10"/>
    </row>
    <row r="252" spans="1:5" x14ac:dyDescent="0.15">
      <c r="B252" s="86">
        <v>4</v>
      </c>
      <c r="C252" s="70">
        <v>4103</v>
      </c>
      <c r="D252" s="71" t="s">
        <v>804</v>
      </c>
      <c r="E252" s="10"/>
    </row>
    <row r="253" spans="1:5" x14ac:dyDescent="0.15">
      <c r="B253" s="86">
        <v>4</v>
      </c>
      <c r="C253" s="70">
        <v>4104</v>
      </c>
      <c r="D253" s="71" t="s">
        <v>385</v>
      </c>
      <c r="E253" s="10"/>
    </row>
    <row r="254" spans="1:5" x14ac:dyDescent="0.15">
      <c r="B254" s="86">
        <v>4</v>
      </c>
      <c r="C254" s="70">
        <v>4105</v>
      </c>
      <c r="D254" s="71" t="s">
        <v>387</v>
      </c>
      <c r="E254" s="10"/>
    </row>
    <row r="255" spans="1:5" x14ac:dyDescent="0.15">
      <c r="B255" s="86">
        <v>4</v>
      </c>
      <c r="C255" s="70">
        <v>4106</v>
      </c>
      <c r="D255" s="71" t="s">
        <v>805</v>
      </c>
      <c r="E255" s="10"/>
    </row>
    <row r="256" spans="1:5" x14ac:dyDescent="0.15">
      <c r="B256" s="86">
        <v>4</v>
      </c>
      <c r="C256" s="70">
        <v>4107</v>
      </c>
      <c r="D256" s="71" t="s">
        <v>806</v>
      </c>
      <c r="E256" s="10"/>
    </row>
    <row r="257" spans="2:5" x14ac:dyDescent="0.15">
      <c r="B257" s="86">
        <v>4</v>
      </c>
      <c r="C257" s="70">
        <v>4108</v>
      </c>
      <c r="D257" s="71" t="s">
        <v>807</v>
      </c>
      <c r="E257" s="10"/>
    </row>
    <row r="258" spans="2:5" x14ac:dyDescent="0.15">
      <c r="B258" s="86">
        <v>4</v>
      </c>
      <c r="C258" s="70">
        <v>4109</v>
      </c>
      <c r="D258" s="71" t="s">
        <v>392</v>
      </c>
      <c r="E258" s="10"/>
    </row>
    <row r="259" spans="2:5" ht="14.25" thickBot="1" x14ac:dyDescent="0.2">
      <c r="B259" s="87">
        <v>4</v>
      </c>
      <c r="C259" s="77">
        <v>4200</v>
      </c>
      <c r="D259" s="78" t="s">
        <v>808</v>
      </c>
      <c r="E259" s="11"/>
    </row>
  </sheetData>
  <phoneticPr fontId="1"/>
  <pageMargins left="0.7" right="0.7" top="0.75" bottom="0.75" header="0.3" footer="0.3"/>
  <pageSetup paperSize="9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O13"/>
  <sheetViews>
    <sheetView workbookViewId="0">
      <selection activeCell="K2" sqref="K2"/>
    </sheetView>
  </sheetViews>
  <sheetFormatPr defaultRowHeight="13.5" x14ac:dyDescent="0.15"/>
  <cols>
    <col min="1" max="1" width="3.625" bestFit="1" customWidth="1"/>
    <col min="4" max="4" width="25.5" bestFit="1" customWidth="1"/>
    <col min="5" max="5" width="10.25" bestFit="1" customWidth="1"/>
    <col min="6" max="7" width="15.875" bestFit="1" customWidth="1"/>
    <col min="8" max="8" width="13" bestFit="1" customWidth="1"/>
    <col min="9" max="9" width="19.5" bestFit="1" customWidth="1"/>
    <col min="10" max="10" width="25" bestFit="1" customWidth="1"/>
    <col min="12" max="13" width="12.375" bestFit="1" customWidth="1"/>
    <col min="15" max="15" width="25" bestFit="1" customWidth="1"/>
  </cols>
  <sheetData>
    <row r="1" spans="1:15" x14ac:dyDescent="0.15">
      <c r="A1" t="s">
        <v>686</v>
      </c>
      <c r="B1" t="s">
        <v>2</v>
      </c>
      <c r="C1" t="s">
        <v>3</v>
      </c>
      <c r="D1" t="s">
        <v>397</v>
      </c>
      <c r="E1" t="s">
        <v>0</v>
      </c>
      <c r="F1" t="s">
        <v>427</v>
      </c>
      <c r="G1" t="s">
        <v>428</v>
      </c>
      <c r="H1" t="s">
        <v>429</v>
      </c>
      <c r="I1" t="s">
        <v>430</v>
      </c>
      <c r="J1" t="s">
        <v>431</v>
      </c>
      <c r="K1" t="s">
        <v>432</v>
      </c>
      <c r="L1" t="s">
        <v>684</v>
      </c>
      <c r="M1" s="55" t="s">
        <v>687</v>
      </c>
      <c r="N1" s="56" t="s">
        <v>688</v>
      </c>
      <c r="O1" s="56" t="s">
        <v>689</v>
      </c>
    </row>
    <row r="2" spans="1:15" x14ac:dyDescent="0.15">
      <c r="A2">
        <v>1</v>
      </c>
      <c r="B2" t="str">
        <f>'R7視聴覚名簿'!B5</f>
        <v/>
      </c>
      <c r="C2" t="str">
        <f>'R7視聴覚名簿'!B6</f>
        <v/>
      </c>
      <c r="D2" t="str">
        <f>'R7視聴覚名簿'!$C$7</f>
        <v/>
      </c>
      <c r="E2" t="str">
        <f>'R7視聴覚名簿'!$C$12</f>
        <v/>
      </c>
      <c r="F2" t="str">
        <f>'R7視聴覚名簿'!$B$10</f>
        <v/>
      </c>
      <c r="G2" t="str">
        <f>'R7視聴覚名簿'!$F$10</f>
        <v/>
      </c>
      <c r="H2" t="str">
        <f>'R7視聴覚名簿'!$D$8</f>
        <v/>
      </c>
      <c r="I2" t="str">
        <f>'R7視聴覚名簿'!$C$9</f>
        <v/>
      </c>
      <c r="J2" t="str">
        <f>'R7視聴覚名簿'!$C$11</f>
        <v/>
      </c>
      <c r="K2" t="str">
        <f>Sheet1!K2</f>
        <v/>
      </c>
      <c r="L2" t="str">
        <f>IF('R7視聴覚名簿'!C13="","",'R7視聴覚名簿'!C13)</f>
        <v/>
      </c>
      <c r="M2" t="str">
        <f>IF('R7視聴覚名簿'!B16="","",'R7視聴覚名簿'!B16)</f>
        <v/>
      </c>
      <c r="N2" t="str">
        <f>IF('R7視聴覚名簿'!E16="","",'R7視聴覚名簿'!E16)</f>
        <v/>
      </c>
      <c r="O2" t="str">
        <f>IF('R7視聴覚名簿'!F16="","",'R7視聴覚名簿'!F16)</f>
        <v/>
      </c>
    </row>
    <row r="3" spans="1:15" x14ac:dyDescent="0.15">
      <c r="A3">
        <v>2</v>
      </c>
      <c r="B3" t="str">
        <f>IF($M3="","",B$2)</f>
        <v/>
      </c>
      <c r="C3" t="str">
        <f t="shared" ref="C3:J13" si="0">IF($M3="","",C$2)</f>
        <v/>
      </c>
      <c r="D3" t="str">
        <f t="shared" si="0"/>
        <v/>
      </c>
      <c r="E3" t="str">
        <f t="shared" si="0"/>
        <v/>
      </c>
      <c r="F3" t="str">
        <f t="shared" si="0"/>
        <v/>
      </c>
      <c r="G3" t="str">
        <f t="shared" si="0"/>
        <v/>
      </c>
      <c r="H3" t="str">
        <f t="shared" si="0"/>
        <v/>
      </c>
      <c r="I3" t="str">
        <f t="shared" si="0"/>
        <v/>
      </c>
      <c r="J3" t="str">
        <f t="shared" si="0"/>
        <v/>
      </c>
      <c r="K3" t="str">
        <f t="shared" ref="K3" si="1">IF($M$3="","",K$2)</f>
        <v/>
      </c>
      <c r="L3" t="str">
        <f>IF($M$3="","",L$2)</f>
        <v/>
      </c>
      <c r="M3" t="str">
        <f>IF('R7視聴覚名簿'!B17="","",'R7視聴覚名簿'!B17)</f>
        <v/>
      </c>
      <c r="N3" t="str">
        <f>IF('R7視聴覚名簿'!E17="","",'R7視聴覚名簿'!E17)</f>
        <v/>
      </c>
      <c r="O3" t="str">
        <f>IF('R7視聴覚名簿'!F17="","",'R7視聴覚名簿'!F17)</f>
        <v/>
      </c>
    </row>
    <row r="4" spans="1:15" x14ac:dyDescent="0.15">
      <c r="A4">
        <v>3</v>
      </c>
      <c r="B4" t="str">
        <f t="shared" ref="B4:B13" si="2">IF($M4="","",B$2)</f>
        <v/>
      </c>
      <c r="C4" t="str">
        <f t="shared" si="0"/>
        <v/>
      </c>
      <c r="D4" t="str">
        <f t="shared" si="0"/>
        <v/>
      </c>
      <c r="E4" t="str">
        <f t="shared" si="0"/>
        <v/>
      </c>
      <c r="F4" t="str">
        <f t="shared" si="0"/>
        <v/>
      </c>
      <c r="G4" t="str">
        <f t="shared" si="0"/>
        <v/>
      </c>
      <c r="H4" t="str">
        <f t="shared" si="0"/>
        <v/>
      </c>
      <c r="I4" t="str">
        <f t="shared" si="0"/>
        <v/>
      </c>
      <c r="J4" t="str">
        <f t="shared" si="0"/>
        <v/>
      </c>
      <c r="M4" t="str">
        <f>IF('R7視聴覚名簿'!B18="","",'R7視聴覚名簿'!B18)</f>
        <v/>
      </c>
      <c r="N4" t="str">
        <f>IF('R7視聴覚名簿'!E18="","",'R7視聴覚名簿'!E18)</f>
        <v/>
      </c>
      <c r="O4" t="str">
        <f>IF('R7視聴覚名簿'!F18="","",'R7視聴覚名簿'!F18)</f>
        <v/>
      </c>
    </row>
    <row r="5" spans="1:15" x14ac:dyDescent="0.15">
      <c r="A5">
        <v>4</v>
      </c>
      <c r="B5" t="str">
        <f t="shared" si="2"/>
        <v/>
      </c>
      <c r="C5" t="str">
        <f t="shared" si="0"/>
        <v/>
      </c>
      <c r="D5" t="str">
        <f t="shared" si="0"/>
        <v/>
      </c>
      <c r="E5" t="str">
        <f t="shared" si="0"/>
        <v/>
      </c>
      <c r="F5" t="str">
        <f t="shared" si="0"/>
        <v/>
      </c>
      <c r="G5" t="str">
        <f t="shared" si="0"/>
        <v/>
      </c>
      <c r="H5" t="str">
        <f t="shared" si="0"/>
        <v/>
      </c>
      <c r="I5" t="str">
        <f t="shared" si="0"/>
        <v/>
      </c>
      <c r="J5" t="str">
        <f t="shared" si="0"/>
        <v/>
      </c>
      <c r="M5" t="str">
        <f>IF('R7視聴覚名簿'!B19="","",'R7視聴覚名簿'!B19)</f>
        <v/>
      </c>
      <c r="N5" t="str">
        <f>IF('R7視聴覚名簿'!E19="","",'R7視聴覚名簿'!E19)</f>
        <v/>
      </c>
      <c r="O5" t="str">
        <f>IF('R7視聴覚名簿'!F19="","",'R7視聴覚名簿'!F19)</f>
        <v/>
      </c>
    </row>
    <row r="6" spans="1:15" x14ac:dyDescent="0.15">
      <c r="A6">
        <v>5</v>
      </c>
      <c r="B6" t="str">
        <f t="shared" si="2"/>
        <v/>
      </c>
      <c r="C6" t="str">
        <f t="shared" si="0"/>
        <v/>
      </c>
      <c r="D6" t="str">
        <f t="shared" si="0"/>
        <v/>
      </c>
      <c r="E6" t="str">
        <f t="shared" si="0"/>
        <v/>
      </c>
      <c r="F6" t="str">
        <f t="shared" si="0"/>
        <v/>
      </c>
      <c r="G6" t="str">
        <f t="shared" si="0"/>
        <v/>
      </c>
      <c r="H6" t="str">
        <f t="shared" si="0"/>
        <v/>
      </c>
      <c r="I6" t="str">
        <f t="shared" si="0"/>
        <v/>
      </c>
      <c r="J6" t="str">
        <f t="shared" si="0"/>
        <v/>
      </c>
      <c r="M6" t="str">
        <f>IF('R7視聴覚名簿'!B20="","",'R7視聴覚名簿'!B20)</f>
        <v/>
      </c>
      <c r="N6" t="str">
        <f>IF('R7視聴覚名簿'!E20="","",'R7視聴覚名簿'!E20)</f>
        <v/>
      </c>
      <c r="O6" t="str">
        <f>IF('R7視聴覚名簿'!F20="","",'R7視聴覚名簿'!F20)</f>
        <v/>
      </c>
    </row>
    <row r="7" spans="1:15" x14ac:dyDescent="0.15">
      <c r="A7">
        <v>6</v>
      </c>
      <c r="B7" t="str">
        <f t="shared" si="2"/>
        <v/>
      </c>
      <c r="C7" t="str">
        <f t="shared" si="0"/>
        <v/>
      </c>
      <c r="D7" t="str">
        <f t="shared" si="0"/>
        <v/>
      </c>
      <c r="E7" t="str">
        <f t="shared" si="0"/>
        <v/>
      </c>
      <c r="F7" t="str">
        <f t="shared" si="0"/>
        <v/>
      </c>
      <c r="G7" t="str">
        <f t="shared" si="0"/>
        <v/>
      </c>
      <c r="H7" t="str">
        <f t="shared" si="0"/>
        <v/>
      </c>
      <c r="I7" t="str">
        <f t="shared" si="0"/>
        <v/>
      </c>
      <c r="J7" t="str">
        <f t="shared" si="0"/>
        <v/>
      </c>
      <c r="M7" t="str">
        <f>IF('R7視聴覚名簿'!B21="","",'R7視聴覚名簿'!B21)</f>
        <v/>
      </c>
      <c r="N7" t="str">
        <f>IF('R7視聴覚名簿'!E21="","",'R7視聴覚名簿'!E21)</f>
        <v/>
      </c>
      <c r="O7" t="str">
        <f>IF('R7視聴覚名簿'!F21="","",'R7視聴覚名簿'!F21)</f>
        <v/>
      </c>
    </row>
    <row r="8" spans="1:15" x14ac:dyDescent="0.15">
      <c r="A8">
        <v>7</v>
      </c>
      <c r="B8" t="str">
        <f t="shared" si="2"/>
        <v/>
      </c>
      <c r="C8" t="str">
        <f t="shared" si="0"/>
        <v/>
      </c>
      <c r="D8" t="str">
        <f t="shared" si="0"/>
        <v/>
      </c>
      <c r="E8" t="str">
        <f t="shared" si="0"/>
        <v/>
      </c>
      <c r="F8" t="str">
        <f t="shared" si="0"/>
        <v/>
      </c>
      <c r="G8" t="str">
        <f t="shared" si="0"/>
        <v/>
      </c>
      <c r="H8" t="str">
        <f t="shared" si="0"/>
        <v/>
      </c>
      <c r="I8" t="str">
        <f t="shared" si="0"/>
        <v/>
      </c>
      <c r="J8" t="str">
        <f t="shared" si="0"/>
        <v/>
      </c>
      <c r="M8" t="str">
        <f>IF('R7視聴覚名簿'!B22="","",'R7視聴覚名簿'!B22)</f>
        <v/>
      </c>
      <c r="N8" t="str">
        <f>IF('R7視聴覚名簿'!E22="","",'R7視聴覚名簿'!E22)</f>
        <v/>
      </c>
      <c r="O8" t="str">
        <f>IF('R7視聴覚名簿'!F22="","",'R7視聴覚名簿'!F22)</f>
        <v/>
      </c>
    </row>
    <row r="9" spans="1:15" x14ac:dyDescent="0.15">
      <c r="A9">
        <v>8</v>
      </c>
      <c r="B9" t="str">
        <f t="shared" si="2"/>
        <v/>
      </c>
      <c r="C9" t="str">
        <f t="shared" si="0"/>
        <v/>
      </c>
      <c r="D9" t="str">
        <f t="shared" si="0"/>
        <v/>
      </c>
      <c r="E9" t="str">
        <f t="shared" si="0"/>
        <v/>
      </c>
      <c r="F9" t="str">
        <f t="shared" si="0"/>
        <v/>
      </c>
      <c r="G9" t="str">
        <f t="shared" si="0"/>
        <v/>
      </c>
      <c r="H9" t="str">
        <f t="shared" si="0"/>
        <v/>
      </c>
      <c r="I9" t="str">
        <f t="shared" si="0"/>
        <v/>
      </c>
      <c r="J9" t="str">
        <f t="shared" si="0"/>
        <v/>
      </c>
      <c r="M9" t="str">
        <f>IF('R7視聴覚名簿'!B23="","",'R7視聴覚名簿'!B23)</f>
        <v/>
      </c>
      <c r="N9" t="str">
        <f>IF('R7視聴覚名簿'!E23="","",'R7視聴覚名簿'!E23)</f>
        <v/>
      </c>
      <c r="O9" t="str">
        <f>IF('R7視聴覚名簿'!F23="","",'R7視聴覚名簿'!F23)</f>
        <v/>
      </c>
    </row>
    <row r="10" spans="1:15" x14ac:dyDescent="0.15">
      <c r="A10">
        <v>9</v>
      </c>
      <c r="B10" t="str">
        <f t="shared" si="2"/>
        <v/>
      </c>
      <c r="C10" t="str">
        <f t="shared" si="0"/>
        <v/>
      </c>
      <c r="D10" t="str">
        <f t="shared" si="0"/>
        <v/>
      </c>
      <c r="E10" t="str">
        <f t="shared" si="0"/>
        <v/>
      </c>
      <c r="F10" t="str">
        <f t="shared" si="0"/>
        <v/>
      </c>
      <c r="G10" t="str">
        <f t="shared" si="0"/>
        <v/>
      </c>
      <c r="H10" t="str">
        <f t="shared" si="0"/>
        <v/>
      </c>
      <c r="I10" t="str">
        <f t="shared" si="0"/>
        <v/>
      </c>
      <c r="J10" t="str">
        <f>IF($M10="","",J$2)</f>
        <v/>
      </c>
      <c r="M10" t="str">
        <f>IF('R7視聴覚名簿'!B24="","",'R7視聴覚名簿'!B24)</f>
        <v/>
      </c>
      <c r="N10" t="str">
        <f>IF('R7視聴覚名簿'!E24="","",'R7視聴覚名簿'!E24)</f>
        <v/>
      </c>
      <c r="O10" t="str">
        <f>IF('R7視聴覚名簿'!F24="","",'R7視聴覚名簿'!F24)</f>
        <v/>
      </c>
    </row>
    <row r="11" spans="1:15" x14ac:dyDescent="0.15">
      <c r="A11">
        <v>10</v>
      </c>
      <c r="B11" t="str">
        <f t="shared" si="2"/>
        <v/>
      </c>
      <c r="C11" t="str">
        <f t="shared" si="0"/>
        <v/>
      </c>
      <c r="D11" t="str">
        <f t="shared" si="0"/>
        <v/>
      </c>
      <c r="E11" t="str">
        <f t="shared" si="0"/>
        <v/>
      </c>
      <c r="F11" t="str">
        <f t="shared" si="0"/>
        <v/>
      </c>
      <c r="G11" t="str">
        <f t="shared" si="0"/>
        <v/>
      </c>
      <c r="H11" t="str">
        <f t="shared" si="0"/>
        <v/>
      </c>
      <c r="I11" t="str">
        <f t="shared" si="0"/>
        <v/>
      </c>
      <c r="J11" t="str">
        <f t="shared" si="0"/>
        <v/>
      </c>
      <c r="M11" t="str">
        <f>IF('R7視聴覚名簿'!B25="","",'R7視聴覚名簿'!B25)</f>
        <v/>
      </c>
      <c r="N11" t="str">
        <f>IF('R7視聴覚名簿'!E25="","",'R7視聴覚名簿'!E25)</f>
        <v/>
      </c>
      <c r="O11" t="str">
        <f>IF('R7視聴覚名簿'!F25="","",'R7視聴覚名簿'!F25)</f>
        <v/>
      </c>
    </row>
    <row r="12" spans="1:15" x14ac:dyDescent="0.15">
      <c r="A12">
        <v>11</v>
      </c>
      <c r="B12" t="str">
        <f t="shared" si="2"/>
        <v/>
      </c>
      <c r="C12" t="str">
        <f t="shared" si="0"/>
        <v/>
      </c>
      <c r="D12" t="str">
        <f t="shared" si="0"/>
        <v/>
      </c>
      <c r="E12" t="str">
        <f t="shared" si="0"/>
        <v/>
      </c>
      <c r="F12" t="str">
        <f t="shared" si="0"/>
        <v/>
      </c>
      <c r="G12" t="str">
        <f t="shared" si="0"/>
        <v/>
      </c>
      <c r="H12" t="str">
        <f t="shared" si="0"/>
        <v/>
      </c>
      <c r="I12" t="str">
        <f t="shared" si="0"/>
        <v/>
      </c>
      <c r="J12" t="str">
        <f t="shared" si="0"/>
        <v/>
      </c>
      <c r="M12" t="str">
        <f>IF('R7視聴覚名簿'!B26="","",'R7視聴覚名簿'!B26)</f>
        <v/>
      </c>
      <c r="N12" t="str">
        <f>IF('R7視聴覚名簿'!E26="","",'R7視聴覚名簿'!E26)</f>
        <v/>
      </c>
      <c r="O12" t="str">
        <f>IF('R7視聴覚名簿'!F26="","",'R7視聴覚名簿'!F26)</f>
        <v/>
      </c>
    </row>
    <row r="13" spans="1:15" x14ac:dyDescent="0.15">
      <c r="A13">
        <v>12</v>
      </c>
      <c r="B13" t="str">
        <f t="shared" si="2"/>
        <v/>
      </c>
      <c r="C13" t="str">
        <f t="shared" si="0"/>
        <v/>
      </c>
      <c r="D13" t="str">
        <f t="shared" si="0"/>
        <v/>
      </c>
      <c r="E13" t="str">
        <f t="shared" si="0"/>
        <v/>
      </c>
      <c r="F13" t="str">
        <f t="shared" si="0"/>
        <v/>
      </c>
      <c r="G13" t="str">
        <f t="shared" si="0"/>
        <v/>
      </c>
      <c r="H13" t="str">
        <f t="shared" si="0"/>
        <v/>
      </c>
      <c r="I13" t="str">
        <f t="shared" si="0"/>
        <v/>
      </c>
      <c r="J13" t="str">
        <f t="shared" si="0"/>
        <v/>
      </c>
      <c r="M13" t="str">
        <f>IF('R7視聴覚名簿'!B27="","",'R7視聴覚名簿'!B27)</f>
        <v/>
      </c>
      <c r="N13" t="str">
        <f>IF('R7視聴覚名簿'!E27="","",'R7視聴覚名簿'!E27)</f>
        <v/>
      </c>
      <c r="O13" t="str">
        <f>IF('R7視聴覚名簿'!F27="","",'R7視聴覚名簿'!F27)</f>
        <v/>
      </c>
    </row>
  </sheetData>
  <phoneticPr fontId="1"/>
  <pageMargins left="0.7" right="0.7" top="0.75" bottom="0.75" header="0.3" footer="0.3"/>
  <pageSetup paperSize="9" orientation="portrait" horizontalDpi="4294967293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2</vt:i4>
      </vt:variant>
    </vt:vector>
  </HeadingPairs>
  <TitlesOfParts>
    <vt:vector size="9" baseType="lpstr">
      <vt:lpstr>Sheet1</vt:lpstr>
      <vt:lpstr>Sheet2</vt:lpstr>
      <vt:lpstr>注意事項</vt:lpstr>
      <vt:lpstr>放送部登録票</vt:lpstr>
      <vt:lpstr>R7視聴覚名簿</vt:lpstr>
      <vt:lpstr>学校番号</vt:lpstr>
      <vt:lpstr>視聴覚部会登録（リンク書き込み禁止）</vt:lpstr>
      <vt:lpstr>'R7視聴覚名簿'!Print_Area</vt:lpstr>
      <vt:lpstr>放送部登録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yogo-housou</dc:creator>
  <cp:lastModifiedBy>ShiraiMiyako</cp:lastModifiedBy>
  <cp:lastPrinted>2024-03-28T05:09:14Z</cp:lastPrinted>
  <dcterms:created xsi:type="dcterms:W3CDTF">2013-03-29T11:19:37Z</dcterms:created>
  <dcterms:modified xsi:type="dcterms:W3CDTF">2025-04-03T02:45:32Z</dcterms:modified>
</cp:coreProperties>
</file>